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1_556. Digitálny RTG prístroj so stropným závesom\03. Príprava\06. PTK_III\"/>
    </mc:Choice>
  </mc:AlternateContent>
  <bookViews>
    <workbookView xWindow="-120" yWindow="-120" windowWidth="24240" windowHeight="13140"/>
  </bookViews>
  <sheets>
    <sheet name="Cenová ponuka" sheetId="8" r:id="rId1"/>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77" uniqueCount="356">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Príloha č. 1</t>
  </si>
  <si>
    <t xml:space="preserve">3.1.a)  Rozdelenie na časti: </t>
  </si>
  <si>
    <t>3.1.b)  Zoznam položiek:</t>
  </si>
  <si>
    <t>Poradové číslo</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 xml:space="preserve">Požadované minimálne osobitné požiadavky na predmet zákazky:
</t>
  </si>
  <si>
    <t>Hodnota parametra</t>
  </si>
  <si>
    <t>Minimum</t>
  </si>
  <si>
    <t>Maximum</t>
  </si>
  <si>
    <t xml:space="preserve">Digitálny RTG prístroj so stropným závesom </t>
  </si>
  <si>
    <t>Digitálny RTG prístroj so stropným závesom slúži na vyšetrenie pacientov v ľahu v stoji a na lôžku.</t>
  </si>
  <si>
    <t xml:space="preserve">Položka č.1 - Digitálny RTG prístroj so stropným závesom </t>
  </si>
  <si>
    <t>1. Základné údaje</t>
  </si>
  <si>
    <t>Digitálny RTG prístroj so stropným závesom</t>
  </si>
  <si>
    <t>0,6 mm</t>
  </si>
  <si>
    <t>Veľkosť malého ohniska:</t>
  </si>
  <si>
    <t>Veľkosť veľkého ohniska:</t>
  </si>
  <si>
    <t>300 kHU</t>
  </si>
  <si>
    <t>Stropný záves RTG žiariča na koľajniciach s voľným pohybom po vyšetrovacej miestnosti</t>
  </si>
  <si>
    <t>3000 mm</t>
  </si>
  <si>
    <t>Vertikálna rotácia RTG lampy:</t>
  </si>
  <si>
    <t>33111000-1 - Röntgenové prístroje</t>
  </si>
  <si>
    <r>
      <t>Potvrdenie ŠÚKL (</t>
    </r>
    <r>
      <rPr>
        <sz val="10"/>
        <color theme="1"/>
        <rFont val="Arial"/>
        <family val="2"/>
        <charset val="238"/>
      </rPr>
      <t xml:space="preserve">výstup z databázy registrovaných/evidovaných zdravotníckych pomôcok), resp. iné doklady, ktoré nahrádzajú požadované potvrdenie. </t>
    </r>
  </si>
  <si>
    <t>6.4</t>
  </si>
  <si>
    <r>
      <rPr>
        <b/>
        <sz val="10"/>
        <color theme="1"/>
        <rFont val="Arial"/>
        <family val="2"/>
        <charset val="238"/>
      </rPr>
      <t>Povolenie na dovoz, vývoz, predaj a distribúciu zdrojov ionizujúceho žiarenia</t>
    </r>
    <r>
      <rPr>
        <sz val="10"/>
        <color theme="1"/>
        <rFont val="Arial"/>
        <family val="2"/>
        <charset val="238"/>
      </rPr>
      <t xml:space="preserve">. Rovnako ako aj </t>
    </r>
    <r>
      <rPr>
        <b/>
        <sz val="10"/>
        <color theme="1"/>
        <rFont val="Arial"/>
        <family val="2"/>
        <charset val="238"/>
      </rPr>
      <t>povolenie na inštaláciu a servis zdrojov ionizujúceho žiarenia</t>
    </r>
    <r>
      <rPr>
        <sz val="10"/>
        <color theme="1"/>
        <rFont val="Arial"/>
        <family val="2"/>
        <charset val="238"/>
      </rPr>
      <t>, vydané Úradom verejného zdravotníctva SR - zákon 355/2007 Z.z.</t>
    </r>
  </si>
  <si>
    <t>6.5</t>
  </si>
  <si>
    <t>1.</t>
  </si>
  <si>
    <t>2.</t>
  </si>
  <si>
    <t>v pracovných dňoch,</t>
  </si>
  <si>
    <t>v čase od 08:00 hod. do 14:30 hod.,</t>
  </si>
  <si>
    <t>2.1.</t>
  </si>
  <si>
    <t>2.2.</t>
  </si>
  <si>
    <t>2.3.</t>
  </si>
  <si>
    <t>2.4.</t>
  </si>
  <si>
    <t>2.5.</t>
  </si>
  <si>
    <t>2.6.</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prístroj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3.</t>
  </si>
  <si>
    <t>4.</t>
  </si>
  <si>
    <t>5.</t>
  </si>
  <si>
    <t>6.</t>
  </si>
  <si>
    <t>7.</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kúp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 xml:space="preserve">Požaduje sa v zmysle § 340b ods. 5 zákona č. 513/1991 Z.z. Obchodného zákonníka v znení neskorších predpisov splatnosť faktúry v lehote šesťdesiatich (60) kalendárnych dní odo dňa jej doručenia objednávateľovi. </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8.</t>
  </si>
  <si>
    <t>9.</t>
  </si>
  <si>
    <t>10.</t>
  </si>
  <si>
    <t>11.</t>
  </si>
  <si>
    <t>12.</t>
  </si>
  <si>
    <t>13.</t>
  </si>
  <si>
    <t>14.</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dodávka a výmena všetkých potrebných náhradných dielov a súčiastok v prípade ich poruchy, ktoré sami o sebe majú kratšiu dobu životnosti, alebo kratšiu záručnú dobu, ako je záručná doba poskytovaná dodávateľom,</t>
  </si>
  <si>
    <t>vykonanie ďalších servisných úkonov a činností predpísaných príslušnou právnou úpravou a aplikovateľnými normami,</t>
  </si>
  <si>
    <t>Dodávateľ je povinný počas trvania záručnej doby odstrániť vady v nasledujúcich lehotách od nástupu na opravu:</t>
  </si>
  <si>
    <t>15.</t>
  </si>
  <si>
    <t>16.</t>
  </si>
  <si>
    <t>17.</t>
  </si>
  <si>
    <t>18.</t>
  </si>
  <si>
    <t>19.</t>
  </si>
  <si>
    <t>Záruka sa nevzťahuje na vady, ktoré spôsobí objednávateľ neodbornou manipuláciou resp. používaním v rozpore s návodom na obsluhu. Záruka sa tiež nevzťahuje na vady, ktoré vzniknú v dôsledku živelnej pohromy, vyššej moci alebo vandalizmu.</t>
  </si>
  <si>
    <t>20.</t>
  </si>
  <si>
    <t>21.</t>
  </si>
  <si>
    <t>2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4.</t>
  </si>
  <si>
    <t>25.</t>
  </si>
  <si>
    <t>26.</t>
  </si>
  <si>
    <t>27.</t>
  </si>
  <si>
    <t>23.</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Požaduje sa dodanie prístroja :</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zariadenie riadne prevziať. Objednávateľ nadobudne vlastnícke právo vždy až po  zaplatení celej odplaty za plnenie dohodnutej v zmluve. </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j. uvedenie prístroja do stavu plnej využiteľnosti vzhľadom k jeho technickým parametrom,</t>
  </si>
  <si>
    <t xml:space="preserve">vykonanie štandardných vylepšení prístroja odporúčaných a predpísaných výrobcom prístroja podľa rozhodnutia dodávateľa, vrátane vykonania servisných aktualizácií, t.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didicitou podľa odporučenia výrobcu prístroja, min. však jedenkrát ročne,</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V prípade, ak odstránenie vady nevyžaduje príchod servisného technika dodávateľa do miesta inštalácie prístroj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Objednávateľ je oprávnený vadu, ktorú zistí na prístroji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oprava vady, pri ktorej nie je potrebná dodávka náhradného dielu najneskôr do štyridsiatichôsmich (48) hodín,</t>
  </si>
  <si>
    <t>oprava vady s dodávkou náhradného dielu najneskôr do sedemdesiatichdvoch (72) hodín.</t>
  </si>
  <si>
    <t xml:space="preserve">Servisný technik dodávateľa je povinný nastúpiť na odstránenie vady v mieste inštalácie prístroja do dvadsiatichštyroch (24) hodín od nahlásenia v pracovný deň medzi 7:00 a 16:00 hod., resp. do 12:00 hod. nasledujúceho pracovného dňa, pokiaľ vada bola nahlásená po 16:00 hod. pracovného dňa alebo počas mimopracovného dňa. </t>
  </si>
  <si>
    <t>nedodržanie lehoty príchodu servisného technika alebo nezačatie odstraňovania vady formou vzdialeného prístupu : 100,-€ (slovom: jednosto Eur) za každú začatú hodinu omeškania, najviac však do výšky 10% kúpnej ceny prístroja, a to pre každý jednotlivý prípad omeškania dodávateľa,</t>
  </si>
  <si>
    <t>do tridsiatich (30) pracovných dní od dňa nadobudnutia účinnosti zmluvy,</t>
  </si>
  <si>
    <t xml:space="preserve">Objednávateľ zabezpečí za účelom prevzatia prístroja prístup pre osoby poverené dodávateľom na čas nevyhnutný na vyloženie, kompletizáciu a inštaláciu prístroja.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Digitálny RTG prístroj na vyšetrenie pacientov v ľahu, stoji a na posteli</t>
  </si>
  <si>
    <t>Zariadenie musí umožňovať aj vyhotovenie nesymetrických snímok hrudníka na zabezpečenie menšej radiačnej záťaže pacienta</t>
  </si>
  <si>
    <t>Pohyby RTG žiariča musia byť synchrónne s pohybom detektora</t>
  </si>
  <si>
    <t>Súčasťou RTG prístroja je digitálny výškovo nastaviteľný stôl s možnosťou použitia bezdrôtového plochého detektora a plávajúcou úložnou doskou.</t>
  </si>
  <si>
    <t>Vertikálny pohyb stropného statívu musí byť synchrónny s pohybom vyšetrovacieho náradia ako aj pri zhotovení asymetrických snímok.</t>
  </si>
  <si>
    <t>Stropný záves RTG žiariča s automatickou kolimáciou žiarenia, teleskopickým predĺžením a ručným ovládaním.</t>
  </si>
  <si>
    <t xml:space="preserve">Stropný záves vybavený dotykovým LCD displejom pre zobrazovanie a ovládanie expozičných parametrov </t>
  </si>
  <si>
    <t>Systém sledovania kolimácie z pohľadu RTG zväzku so zobrazením na displeji na RTG lampe aj v obsluhovni</t>
  </si>
  <si>
    <t>Generátor, expozičné napätie, rozsah:</t>
  </si>
  <si>
    <t>2. Výkonný RTG generátor o výkone</t>
  </si>
  <si>
    <t xml:space="preserve"> 80 kW</t>
  </si>
  <si>
    <t>40 kVp</t>
  </si>
  <si>
    <t>150 kVp</t>
  </si>
  <si>
    <t>Generátor, maximálny prúd pri 80 kV</t>
  </si>
  <si>
    <t>900 mA</t>
  </si>
  <si>
    <t>Možnosť manuálneho nastavenia parametrov generátora</t>
  </si>
  <si>
    <t>Orgánovo programová radiografia (APR)</t>
  </si>
  <si>
    <t>Generátor musí byť plne integrovaný do systému obrazového zobrazenia vrátane orgánových programov</t>
  </si>
  <si>
    <t>Automatická kontrola expozície s meracími komôrkami v pacientskom stole aj v digitálnom vertigrafe</t>
  </si>
  <si>
    <t>Systém tzv. bezmriežkového snímkovania pomocou software na WiFi detektore</t>
  </si>
  <si>
    <t>Dual energy alebo software na potlačenie kostných štruktúr pri snímkoch hrudníka</t>
  </si>
  <si>
    <t>Tepelná kapacita RTG žiariča</t>
  </si>
  <si>
    <t>30 kW</t>
  </si>
  <si>
    <t>Výkon malého ohniska:</t>
  </si>
  <si>
    <t>Otáčky anódy RTG žiariča</t>
  </si>
  <si>
    <t>Výkon veľkého ohniska RTG žiariča</t>
  </si>
  <si>
    <t>Možnosť použitia dodatočných minimálne dvoch Cu filtrov s parametrami 0,1 a 0,2 mm</t>
  </si>
  <si>
    <t>4. Stropný statív RTG žiariča: pozdĺžny pohyb</t>
  </si>
  <si>
    <t>3. RTG žiarič: tepelná kapacita anódy</t>
  </si>
  <si>
    <t>Priečny pohyb</t>
  </si>
  <si>
    <t>1450 mm</t>
  </si>
  <si>
    <t>8000 rpm</t>
  </si>
  <si>
    <t>1600 mm</t>
  </si>
  <si>
    <t>Motorický vertikálny pohyb</t>
  </si>
  <si>
    <t xml:space="preserve">Horizontálna rotácia RTG lampy, rozsah +/- </t>
  </si>
  <si>
    <t>5. Pacientský stôl s prenosným plochým detektorom s rozmerom aktívnej plochy detektora</t>
  </si>
  <si>
    <t>340x420 mm</t>
  </si>
  <si>
    <t>Veľkosť pixela plochého detektora</t>
  </si>
  <si>
    <r>
      <t>150</t>
    </r>
    <r>
      <rPr>
        <sz val="10"/>
        <rFont val="Calibri"/>
        <family val="2"/>
        <charset val="238"/>
      </rPr>
      <t>µ</t>
    </r>
    <r>
      <rPr>
        <sz val="9.1"/>
        <rFont val="Arial"/>
        <family val="2"/>
        <charset val="238"/>
      </rPr>
      <t>M</t>
    </r>
  </si>
  <si>
    <t>Počet aktívnych pixelov na plochom detektore</t>
  </si>
  <si>
    <t>2300X2800</t>
  </si>
  <si>
    <t>Vodotesnosť detektora</t>
  </si>
  <si>
    <t>IPX3</t>
  </si>
  <si>
    <t>Nosnosť stola</t>
  </si>
  <si>
    <t>300 kg</t>
  </si>
  <si>
    <t xml:space="preserve">Rozmery dosky stola: </t>
  </si>
  <si>
    <t>750mm x 2200 mm</t>
  </si>
  <si>
    <t xml:space="preserve">Rozsah pozdĺžny pohyb dosky: </t>
  </si>
  <si>
    <t>Rozsah transverzálny pohyb dosky:</t>
  </si>
  <si>
    <t>Rozsah nastavenia výšky stola</t>
  </si>
  <si>
    <t>6. Vertikálny statív: pohyb stredu plochého detektora od podlahy v rozsahu</t>
  </si>
  <si>
    <r>
      <t>(-20°/+90</t>
    </r>
    <r>
      <rPr>
        <sz val="10"/>
        <rFont val="Calibri"/>
        <family val="2"/>
        <charset val="238"/>
      </rPr>
      <t>°)</t>
    </r>
  </si>
  <si>
    <t>Sklápanie statívu v rozsahu</t>
  </si>
  <si>
    <t>420 mm x 420 mm</t>
  </si>
  <si>
    <r>
      <t xml:space="preserve">150 </t>
    </r>
    <r>
      <rPr>
        <sz val="10"/>
        <rFont val="Calibri"/>
        <family val="2"/>
        <charset val="238"/>
      </rPr>
      <t>µ</t>
    </r>
    <r>
      <rPr>
        <sz val="9.1"/>
        <rFont val="Arial"/>
        <family val="2"/>
        <charset val="238"/>
      </rPr>
      <t>m</t>
    </r>
  </si>
  <si>
    <t>2800x2800</t>
  </si>
  <si>
    <t>8. Akvizičná pracovná stanica - kapacita pamäte RAM</t>
  </si>
  <si>
    <t>Čas zobrazenia obrazu po expozícii:</t>
  </si>
  <si>
    <t>4 sek</t>
  </si>
  <si>
    <t>Integrácia do PACS</t>
  </si>
  <si>
    <t>6.6</t>
  </si>
  <si>
    <t>6.7</t>
  </si>
  <si>
    <t>6.8</t>
  </si>
  <si>
    <r>
      <rPr>
        <b/>
        <sz val="10"/>
        <rFont val="Arial"/>
        <family val="2"/>
        <charset val="238"/>
      </rPr>
      <t xml:space="preserve">Technologický projekt </t>
    </r>
    <r>
      <rPr>
        <sz val="10"/>
        <rFont val="Arial"/>
        <family val="2"/>
        <charset val="238"/>
      </rPr>
      <t>návrh priestorového usporiadania</t>
    </r>
  </si>
  <si>
    <t>9. Technologický rozvádzač  a projekt elektroinštalácie súčasťou dodávky RTG prístroja</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tohto klientskeho pracoviska. </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21. tejto časti,</t>
  </si>
  <si>
    <t xml:space="preserve">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Požaduje sa integrácia prístroja do systému PACS a vykonanie skúšky prístroja - elektrická revízia, odbornej skúšky prístroja v súlade s platnou legislatívou (preberacia skúška) a skúška dlhodobej stability podľa zákona č. 87/2018 Z. z. o radiačnej ochrane a o zmene a doplnení niektorých zákonov. Po úspešnom vykonaní všetkých požadovaných skúšok a odovzdaní skúšobných protokolov objednávateľovi dôjde k prevzatiu prístroja oprávneným zápstupcom objednávateľa.</t>
  </si>
  <si>
    <r>
      <t xml:space="preserve">Odborné skúšky RTG zariadenia v súlade s legislatívou - </t>
    </r>
    <r>
      <rPr>
        <b/>
        <sz val="10"/>
        <rFont val="Arial"/>
        <family val="2"/>
        <charset val="238"/>
      </rPr>
      <t>preberacia skúška</t>
    </r>
  </si>
  <si>
    <r>
      <t>Odborná skúška zariadenia -</t>
    </r>
    <r>
      <rPr>
        <b/>
        <sz val="10"/>
        <rFont val="Arial"/>
        <family val="2"/>
        <charset val="238"/>
      </rPr>
      <t xml:space="preserve"> elektrické revízie </t>
    </r>
  </si>
  <si>
    <r>
      <rPr>
        <b/>
        <sz val="10"/>
        <rFont val="Arial"/>
        <family val="2"/>
        <charset val="238"/>
      </rPr>
      <t>Skúšky dlhodobej stability</t>
    </r>
    <r>
      <rPr>
        <sz val="10"/>
        <rFont val="Arial"/>
        <family val="2"/>
        <charset val="238"/>
      </rPr>
      <t xml:space="preserve"> v zmysle zákona č. 87/2018 o radiačnej ochrane a o zmene a doplnení niektorých zákonov</t>
    </r>
  </si>
  <si>
    <t>Položka č. 2 - Pozáručný servis pre položku č.1</t>
  </si>
  <si>
    <t>Požaduje sa poskytovať službu (pozáručný servis) najmä v nasledovnom rozsahu:</t>
  </si>
  <si>
    <t>preventívna údržba systémov v počte 1-2 pracovných dní za kalendárny rok v rozsahu podľa manuálu určeného výrobcom systému,</t>
  </si>
  <si>
    <t>všetky práce spojené s opravami systémov,</t>
  </si>
  <si>
    <t>za účelom vykonania preventívnej údržby si zmluvné strany po uzatvorení zmluvy vypracujú Plán údržby, v ktorom sa dohodnú na termínoch pre preventívnu údržbu,</t>
  </si>
  <si>
    <t>zmenu týchto termínov je možné uskutočniť len vzájomnou dohodou zmluvných strán, pričom takéto zmeny musia byť dohodnuté vždy včas, aby nebola narušená prevádzka objednávateľa.</t>
  </si>
  <si>
    <t>servisný softwarový upgrade,</t>
  </si>
  <si>
    <t>udržiavanie prevádzkyschopnosti hardwarovej časti systémov,</t>
  </si>
  <si>
    <t>elektrické revízie 1x ročne v zmysle platných právnych predpisov,</t>
  </si>
  <si>
    <t>za účelom vykonania povinných revízií si zmluvné strany do 30 kalendárnych dní po uzatvorení zmluvy vypracujú Plán revízie, v ktorom sa dohodnú na termínoch vykonanie revízie (jednotlivé termíny zmluvné strany dohodnú tak, aby bola zabezpečená ich kontinuita),</t>
  </si>
  <si>
    <t>cestovné a všetky náklady spojené s činnosťou servisného pracovníka počas výkonu činnosti uvedených v bode 1. až 5.</t>
  </si>
  <si>
    <t>bez náhradných dielov a príslušenstva</t>
  </si>
  <si>
    <t>Požaduje sa uzatvorenie kúpnej zmluvy a o poskytovaní pozáručného servisu.</t>
  </si>
  <si>
    <t xml:space="preserve">Dodávateľ poskytuje na prístroj a všetky jeho súčasti komplexnú záruku v trvaní dvadsiatichštyroch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9.1</t>
  </si>
  <si>
    <t>9.2</t>
  </si>
  <si>
    <t>9.3</t>
  </si>
  <si>
    <t>9.4</t>
  </si>
  <si>
    <t>9.5</t>
  </si>
  <si>
    <t>9.6</t>
  </si>
  <si>
    <t>9.7</t>
  </si>
  <si>
    <t>9.8</t>
  </si>
  <si>
    <t>9.9</t>
  </si>
  <si>
    <t>9.10</t>
  </si>
  <si>
    <t>10.1</t>
  </si>
  <si>
    <t>11.1</t>
  </si>
  <si>
    <t>12.1</t>
  </si>
  <si>
    <t>12.2</t>
  </si>
  <si>
    <t>11.2</t>
  </si>
  <si>
    <t>nedodržanie dohodnutých lehôt na odstránenie vady : 100,-€ (jednosto Eur) za každú začatú hodinu omeškania, najviac však do výšky 10% kúpnej ceny prístroja, a to pre každý jednotlivý prípad omeškania dodávateľa.</t>
  </si>
  <si>
    <t>Požaduje sa poskytovanie pozáručného servisu pre položku č. 1 po dobu 5 rokov (60 kalendárnych mesiacov), pričom za začiatok tohto poskytovania sa považuje deň nasledujúci po poslednom dni záručnej doby.</t>
  </si>
  <si>
    <t>Požaduje sa poskytovať pozáručný servis najmä v rozsahu uvedenom v časti  TECHNICKÁ ŠPECIFIKÁCIA PREDMETU ZÁKAZKY pri položke č. 2</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7:00 hod, ak sa objednávateľ a dodávateľ nedohodnú inak.</t>
  </si>
  <si>
    <t>Požaduje sa, aby v prípade vykonania opravy, na ktorú objednávateľ dodávateľa vopred upozorní, bola oprava vykonaná nasledovne:</t>
  </si>
  <si>
    <t>nástup na výkon opravy do dvadsiatichštyroch (24) hodín od nahlásenia vady/poruchy v pracovných dňoch v čase od 07:00 hod. do 17:00 hod.,</t>
  </si>
  <si>
    <t>21.1</t>
  </si>
  <si>
    <t>21.2</t>
  </si>
  <si>
    <t>výkon samotnej opravy do sedemdesiatichdvoch (72) hodín od nahlásenia vady/poruchy v pracovných dňoch v čase od 07:00 hod. do 17:00 hod., okrem prípadu, ak sa objednávateľ s dodávateľom nedohodnú inak alebo ak na výkon opravy je potrebný náhradný diel, súčiastka alebo iná vec, ktorej obstaranie alebo vykonanie trvá viac ako sedemdesiatdva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t>
  </si>
  <si>
    <t>28.</t>
  </si>
  <si>
    <t>29.</t>
  </si>
  <si>
    <t>30.</t>
  </si>
  <si>
    <t>Požaduje sa garantovať prevádzkyschopnosť prístroja minimálne 95% počas doby poskytovania pozáručných služieb.</t>
  </si>
  <si>
    <t>Požaduje sa, aby počas trvania  zmluvy dodávateľ vykonával autorizovaný servis.</t>
  </si>
  <si>
    <t>Požaduje sa, aby počas trvania zmluvy dodávateľ vykonával činnosti uvedené v zmluve prostredníctvom osôb / 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vyhotovenie návrhu kalkulácie servisu v súlade s uzatvorenou zmluvou ku každej objednávke. Objednávateľ musí odsúhlasiť cenu a rozsah opravy, najneskôr v lehote do troch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Dodávateľ za vady servisnej služby nezodpovedá v prípade, ak boli spôsobené:</t>
  </si>
  <si>
    <t>v dôsledku živelnej pohromy, vyššej moci alebo vandalizmu alebo</t>
  </si>
  <si>
    <t>31.</t>
  </si>
  <si>
    <t>31.1</t>
  </si>
  <si>
    <t>31.2</t>
  </si>
  <si>
    <t>31.3</t>
  </si>
  <si>
    <t>31.4</t>
  </si>
  <si>
    <t>inštaláciou, prevádzkou a údržbou prítroja v rozpore s návodom na obsluhu alebo</t>
  </si>
  <si>
    <t>neoprávneným zásahom tretích osôb alebo</t>
  </si>
  <si>
    <t>prevádzkovaním prístroja v prostredí, ktoré je v rozpore s technickými podmienkami stanovenými výrobcom, príp. dodávateľom.</t>
  </si>
  <si>
    <t>Požaduje sa v prípade náhradných dielov v každom osobitnom prípade súhlas objednávateľa s kúpu a montážou náhradného dielu a odsúhlasenie jeho ceny.</t>
  </si>
  <si>
    <t>32.</t>
  </si>
  <si>
    <t>33.</t>
  </si>
  <si>
    <t xml:space="preserve">V prípade, ak objednávateľ na základe prieskumu trhu zistí, že: </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33.1</t>
  </si>
  <si>
    <t>33.2</t>
  </si>
  <si>
    <t xml:space="preserve">nedisponuje inou ponukou ako je ponuka dodávateľa a zároveň cena náhradného dielu nie je vyššia ako 10% oproti cene uvedenej v Prílohe č. 1 - Kalkulácia ceny, objednávateľ je oprávnený pristúpiť k vystaveniu objednávky. </t>
  </si>
  <si>
    <t>Požaduje sa, aby výsledná cena predmetu zákazky ponúknutá dodávateľom bola v súlade s aktuálne (t.j. v čase lehoty na predkladanie ponúk) obvyklou trhovou cenou predmetu zákazky.</t>
  </si>
  <si>
    <t>34.</t>
  </si>
  <si>
    <t>Požaduje sa možnosť uplatnenia si náhrady škody u dodávateľa vo výške vzniknutého finančného rozdielu výslednej ceny predmetu zákazky a obvyklej trhovej ceny predmetu zákazky v prípade nedodržania požiadavky uvedenej v bode 34. tejto časti zmluvných požiadaviek.</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35.</t>
  </si>
  <si>
    <t>36.</t>
  </si>
  <si>
    <t>37.</t>
  </si>
  <si>
    <t>38.</t>
  </si>
  <si>
    <t>39.</t>
  </si>
  <si>
    <t>40.</t>
  </si>
  <si>
    <t>Dodávateľ je povinný k faktúre za dodanie prístroja priložiť kópiu preberacieho protokolu ako jej povinnú prílohu, okrem prípadov, kedy je faktúra doručená zároveň s preberacím protokolom. Povinnou súčasťou faktúry za služby, ktoré sú predmetom Položky č. 2 je zmluvnými stranami potvrdený rozsah poskytnutej služby s uvedením dátumu jej poskytnutia v príslušnom kalendárnom mesiaci.</t>
  </si>
  <si>
    <t>Dodávateľ je povinný vystaviť faktúru za dodaný prístroj a za poskytnuté služby, ktoré sú predmetom Položky č. 2, v súlade s ustanovením §73 zákona č. 222/2004 Z. z. o dani z pridanej hodnoty v znení neskorších predpisov (ďalej len „zákon o DPH“), najneskôr však do piateho (5) pracovného dňa v mesiaci, nasledujúcom po mesiaci, v ktorom došlo k dodaniu prístroja, resp. k poskytnutiu služby, ktorá je predmetom Položky č. 2, podľa uzatvorenej zmluvy.</t>
  </si>
  <si>
    <t>Pozáručný servis (služby, ktoré sú predmetom Položky č. 2) bude hradený formou mesačných paušálnych odmien uvedených v Prílohe č. 1 - Kalkulácia ceny.</t>
  </si>
  <si>
    <t>41.</t>
  </si>
  <si>
    <r>
      <t xml:space="preserve">Požaduje sa v zmysle § 340b ods. 5 zákona č. 513/1991 Z.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 t. úhradu pred uplynutím lehoty splatnosti), uvedie výšku %, v akej bude zľava z fakturovanej sumy poskytnutá. Ak takúto zľavu predávajúci nechce poskytnúť, uvedie 0%.</t>
    </r>
  </si>
  <si>
    <t>Zmluvná cena za pozáručný servis zahŕňa celkovú logistiku súvisiacu so servisom prístroja, dopravné a balné náklady, vrátane cestovných nákladov servisného technika do miesta dodania služby a späť a zároveň zvoz do servisného centra a rozvor opraveného prístroja.</t>
  </si>
  <si>
    <t>42.</t>
  </si>
  <si>
    <t>43.</t>
  </si>
  <si>
    <t>44.</t>
  </si>
  <si>
    <t xml:space="preserve">V prípade, ak sa po uzatvorení zmluvy preukáže, že na relevantnom trhu existuje cena (ďalej tiež ako "nižšia cena") za rovnaké alebo porovnateľné plneni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si>
  <si>
    <t>Dodávateľ je povinný bezodkladne, najneskôr však do piatich (5) pracovných dní od preukázania skutočnosti uvedenej v bode 44. týchto zmluvných požiadaviek, doručiť objednávateľovi dodatok, predmetom, ktorého bude upravená cena zistená podľa bodu 44. týchto zmluvných požiadavie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45.</t>
  </si>
  <si>
    <t>46.</t>
  </si>
  <si>
    <t>46.1</t>
  </si>
  <si>
    <t>46.2</t>
  </si>
  <si>
    <t>47.</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48.</t>
  </si>
  <si>
    <t>49.</t>
  </si>
  <si>
    <t>V prípade, ak sa na predmet zákazky vykonala prípravná trhová konzultácia, informácie k prípravnej trhovej konzultácie verejný obstarávateľ zverejňuje na www.vusch.sk/verejne-obstaravanie/.</t>
  </si>
  <si>
    <t>50.</t>
  </si>
  <si>
    <t>51.</t>
  </si>
  <si>
    <t>52.</t>
  </si>
  <si>
    <t>Položka č. 2</t>
  </si>
  <si>
    <t>Pozáručný servis</t>
  </si>
  <si>
    <t>mesiac</t>
  </si>
  <si>
    <t>Digitálny RTG prístroj so stropným závesom vrátane pozáručného servisu</t>
  </si>
  <si>
    <t>10 mAs</t>
  </si>
  <si>
    <t>630 mAs</t>
  </si>
  <si>
    <t>rozsah nastavenia mAs min. od 10 do 630; bez určenia max. hodnoty</t>
  </si>
  <si>
    <t>1,5 MHU</t>
  </si>
  <si>
    <t>1,3 mm</t>
  </si>
  <si>
    <t>96 kW</t>
  </si>
  <si>
    <t xml:space="preserve"> +/- 180°</t>
  </si>
  <si>
    <r>
      <t xml:space="preserve"> +/- 115</t>
    </r>
    <r>
      <rPr>
        <sz val="10"/>
        <color theme="1"/>
        <rFont val="Calibri"/>
        <family val="2"/>
        <charset val="238"/>
      </rPr>
      <t>°</t>
    </r>
  </si>
  <si>
    <r>
      <rPr>
        <sz val="10"/>
        <rFont val="Calibri"/>
        <family val="2"/>
        <charset val="238"/>
      </rPr>
      <t>±</t>
    </r>
    <r>
      <rPr>
        <sz val="9.1"/>
        <rFont val="Arial"/>
        <family val="2"/>
        <charset val="238"/>
      </rPr>
      <t xml:space="preserve"> 34</t>
    </r>
    <r>
      <rPr>
        <sz val="10"/>
        <rFont val="Arial"/>
        <family val="2"/>
        <charset val="238"/>
      </rPr>
      <t>0mm</t>
    </r>
  </si>
  <si>
    <r>
      <rPr>
        <sz val="10"/>
        <rFont val="Calibri"/>
        <family val="2"/>
        <charset val="238"/>
      </rPr>
      <t>±</t>
    </r>
    <r>
      <rPr>
        <sz val="10"/>
        <rFont val="Arial"/>
        <family val="2"/>
        <charset val="238"/>
      </rPr>
      <t xml:space="preserve"> 110 mm</t>
    </r>
  </si>
  <si>
    <t>350 mm - 1700 mm</t>
  </si>
  <si>
    <t>Zabudovaný alebo vyberateľný detektor s rozmerom aktívnej plochy</t>
  </si>
  <si>
    <t>8 GB</t>
  </si>
  <si>
    <t>Operačný systém: Windows alebo Linux</t>
  </si>
  <si>
    <t>19"-24"</t>
  </si>
  <si>
    <t>Rozmer monitora v rozsahu</t>
  </si>
  <si>
    <t>580 mm - 850 mm</t>
  </si>
  <si>
    <t>DAP: aktívny zápis k obrazu</t>
  </si>
  <si>
    <t>Digitálny RTG prístroj musí byť vybavený bezdrôtovým detektorom s prenosom dát pomocou WI-FI v stole, zabudovaným, alebo vyberateľným  detektorom do vertikálneho statívu a výkonným rtg generátorom</t>
  </si>
</sst>
</file>

<file path=xl/styles.xml><?xml version="1.0" encoding="utf-8"?>
<styleSheet xmlns="http://schemas.openxmlformats.org/spreadsheetml/2006/main" xmlns:mc="http://schemas.openxmlformats.org/markup-compatibility/2006" xmlns:x14ac="http://schemas.microsoft.com/office/spreadsheetml/2009/9/ac" mc:Ignorable="x14ac">
  <fonts count="19"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Calibri"/>
      <family val="2"/>
      <charset val="238"/>
      <scheme val="minor"/>
    </font>
    <font>
      <sz val="10"/>
      <color theme="1"/>
      <name val="Calibri"/>
      <family val="2"/>
      <charset val="238"/>
    </font>
    <font>
      <sz val="10"/>
      <name val="Calibri"/>
      <family val="2"/>
      <charset val="238"/>
    </font>
    <font>
      <sz val="9.1"/>
      <name val="Arial"/>
      <family val="2"/>
      <charset val="238"/>
    </font>
    <font>
      <sz val="8"/>
      <name val="Arial"/>
      <family val="2"/>
      <charset val="238"/>
    </font>
  </fonts>
  <fills count="10">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6" tint="0.79998168889431442"/>
        <bgColor indexed="64"/>
      </patternFill>
    </fill>
    <fill>
      <patternFill patternType="solid">
        <fgColor theme="7"/>
        <bgColor indexed="64"/>
      </patternFill>
    </fill>
    <fill>
      <patternFill patternType="solid">
        <fgColor theme="0" tint="-0.14999847407452621"/>
        <bgColor indexed="64"/>
      </patternFill>
    </fill>
  </fills>
  <borders count="5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medium">
        <color indexed="64"/>
      </top>
      <bottom style="thin">
        <color indexed="64"/>
      </bottom>
      <diagonal/>
    </border>
    <border>
      <left style="thin">
        <color auto="1"/>
      </left>
      <right/>
      <top style="dotted">
        <color indexed="64"/>
      </top>
      <bottom style="dotted">
        <color indexed="64"/>
      </bottom>
      <diagonal/>
    </border>
    <border>
      <left/>
      <right/>
      <top style="thin">
        <color auto="1"/>
      </top>
      <bottom style="thin">
        <color auto="1"/>
      </bottom>
      <diagonal/>
    </border>
    <border>
      <left style="medium">
        <color auto="1"/>
      </left>
      <right/>
      <top/>
      <bottom style="thin">
        <color auto="1"/>
      </bottom>
      <diagonal/>
    </border>
    <border>
      <left/>
      <right/>
      <top/>
      <bottom style="thin">
        <color auto="1"/>
      </bottom>
      <diagonal/>
    </border>
    <border>
      <left/>
      <right style="thin">
        <color auto="1"/>
      </right>
      <top style="medium">
        <color indexed="64"/>
      </top>
      <bottom/>
      <diagonal/>
    </border>
    <border>
      <left/>
      <right style="thin">
        <color auto="1"/>
      </right>
      <top/>
      <bottom style="thin">
        <color auto="1"/>
      </bottom>
      <diagonal/>
    </border>
    <border>
      <left/>
      <right/>
      <top style="dotted">
        <color indexed="64"/>
      </top>
      <bottom style="dotted">
        <color indexed="64"/>
      </bottom>
      <diagonal/>
    </border>
    <border>
      <left/>
      <right style="thin">
        <color auto="1"/>
      </right>
      <top style="dotted">
        <color indexed="64"/>
      </top>
      <bottom style="dotted">
        <color indexed="64"/>
      </bottom>
      <diagonal/>
    </border>
    <border>
      <left style="medium">
        <color auto="1"/>
      </left>
      <right/>
      <top style="thin">
        <color auto="1"/>
      </top>
      <bottom style="thin">
        <color auto="1"/>
      </bottom>
      <diagonal/>
    </border>
    <border>
      <left style="thin">
        <color auto="1"/>
      </left>
      <right/>
      <top/>
      <bottom style="thin">
        <color auto="1"/>
      </bottom>
      <diagonal/>
    </border>
    <border>
      <left style="medium">
        <color auto="1"/>
      </left>
      <right style="thin">
        <color auto="1"/>
      </right>
      <top/>
      <bottom style="thin">
        <color auto="1"/>
      </bottom>
      <diagonal/>
    </border>
    <border>
      <left style="thin">
        <color auto="1"/>
      </left>
      <right style="dotted">
        <color auto="1"/>
      </right>
      <top style="dotted">
        <color auto="1"/>
      </top>
      <bottom/>
      <diagonal/>
    </border>
    <border>
      <left style="thin">
        <color auto="1"/>
      </left>
      <right/>
      <top style="thin">
        <color auto="1"/>
      </top>
      <bottom style="dotted">
        <color auto="1"/>
      </bottom>
      <diagonal/>
    </border>
    <border>
      <left style="medium">
        <color indexed="64"/>
      </left>
      <right style="thin">
        <color auto="1"/>
      </right>
      <top style="medium">
        <color indexed="64"/>
      </top>
      <bottom style="thin">
        <color auto="1"/>
      </bottom>
      <diagonal/>
    </border>
    <border>
      <left style="thin">
        <color auto="1"/>
      </left>
      <right/>
      <top style="dotted">
        <color auto="1"/>
      </top>
      <bottom style="thin">
        <color auto="1"/>
      </bottom>
      <diagonal/>
    </border>
    <border>
      <left style="medium">
        <color auto="1"/>
      </left>
      <right style="thin">
        <color auto="1"/>
      </right>
      <top style="dotted">
        <color auto="1"/>
      </top>
      <bottom style="thin">
        <color indexed="64"/>
      </bottom>
      <diagonal/>
    </border>
    <border>
      <left/>
      <right/>
      <top style="thin">
        <color auto="1"/>
      </top>
      <bottom style="dotted">
        <color indexed="64"/>
      </bottom>
      <diagonal/>
    </border>
    <border>
      <left/>
      <right style="thin">
        <color auto="1"/>
      </right>
      <top style="thin">
        <color auto="1"/>
      </top>
      <bottom style="dotted">
        <color indexed="64"/>
      </bottom>
      <diagonal/>
    </border>
    <border>
      <left/>
      <right/>
      <top style="dotted">
        <color auto="1"/>
      </top>
      <bottom style="thin">
        <color auto="1"/>
      </bottom>
      <diagonal/>
    </border>
    <border>
      <left/>
      <right style="thin">
        <color auto="1"/>
      </right>
      <top style="dotted">
        <color auto="1"/>
      </top>
      <bottom style="thin">
        <color auto="1"/>
      </bottom>
      <diagonal/>
    </border>
    <border>
      <left style="thin">
        <color auto="1"/>
      </left>
      <right style="thin">
        <color auto="1"/>
      </right>
      <top style="thin">
        <color auto="1"/>
      </top>
      <bottom/>
      <diagonal/>
    </border>
    <border>
      <left/>
      <right style="medium">
        <color indexed="64"/>
      </right>
      <top style="thin">
        <color auto="1"/>
      </top>
      <bottom style="thin">
        <color auto="1"/>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right/>
      <top style="medium">
        <color rgb="FFC00000"/>
      </top>
      <bottom/>
      <diagonal/>
    </border>
    <border>
      <left/>
      <right style="medium">
        <color rgb="FFC00000"/>
      </right>
      <top style="medium">
        <color rgb="FFC00000"/>
      </top>
      <bottom/>
      <diagonal/>
    </border>
    <border>
      <left/>
      <right style="medium">
        <color rgb="FFC00000"/>
      </right>
      <top/>
      <bottom/>
      <diagonal/>
    </border>
    <border>
      <left/>
      <right style="thin">
        <color indexed="64"/>
      </right>
      <top style="thin">
        <color auto="1"/>
      </top>
      <bottom/>
      <diagonal/>
    </border>
    <border>
      <left/>
      <right style="thin">
        <color indexed="64"/>
      </right>
      <top/>
      <bottom/>
      <diagonal/>
    </border>
    <border>
      <left/>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5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2" fillId="0" borderId="13" xfId="0" applyFont="1" applyFill="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2"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3" xfId="5" applyFont="1" applyFill="1" applyBorder="1" applyAlignment="1">
      <alignment horizontal="right" vertical="center" wrapText="1"/>
    </xf>
    <xf numFmtId="0" fontId="7" fillId="0" borderId="13" xfId="0" applyNumberFormat="1" applyFont="1" applyBorder="1" applyAlignment="1">
      <alignment horizontal="center" vertical="center" wrapText="1"/>
    </xf>
    <xf numFmtId="0" fontId="13" fillId="0" borderId="13" xfId="0" applyFont="1" applyBorder="1" applyAlignment="1">
      <alignment horizontal="center" vertical="center" wrapText="1"/>
    </xf>
    <xf numFmtId="49" fontId="5" fillId="5" borderId="15" xfId="0" applyNumberFormat="1" applyFont="1" applyFill="1" applyBorder="1" applyAlignment="1">
      <alignment vertical="center" wrapText="1"/>
    </xf>
    <xf numFmtId="49" fontId="5" fillId="5" borderId="12" xfId="0" applyNumberFormat="1" applyFont="1" applyFill="1" applyBorder="1" applyAlignment="1">
      <alignment vertical="center" wrapText="1"/>
    </xf>
    <xf numFmtId="0" fontId="7" fillId="0" borderId="0" xfId="0" applyFont="1" applyAlignment="1">
      <alignment horizontal="right" vertical="top" wrapText="1"/>
    </xf>
    <xf numFmtId="0" fontId="7" fillId="0" borderId="5"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16" fontId="5" fillId="0" borderId="0" xfId="0" applyNumberFormat="1" applyFont="1" applyFill="1" applyAlignment="1">
      <alignment horizontal="left"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8" fillId="0" borderId="0" xfId="0" applyFont="1" applyFill="1" applyAlignment="1">
      <alignment horizontal="left"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4" fillId="0" borderId="25" xfId="0" applyFont="1" applyBorder="1" applyAlignment="1">
      <alignment vertical="center" wrapText="1"/>
    </xf>
    <xf numFmtId="0" fontId="2" fillId="0" borderId="13" xfId="0" applyFont="1" applyBorder="1" applyAlignment="1">
      <alignment vertical="center"/>
    </xf>
    <xf numFmtId="0" fontId="2" fillId="0" borderId="4" xfId="0" applyFont="1" applyBorder="1" applyAlignment="1">
      <alignment vertical="center"/>
    </xf>
    <xf numFmtId="0" fontId="4" fillId="0" borderId="13" xfId="0" applyFont="1" applyBorder="1" applyAlignment="1">
      <alignment vertical="center" wrapText="1"/>
    </xf>
    <xf numFmtId="0" fontId="4" fillId="0" borderId="13" xfId="0" applyFont="1" applyBorder="1" applyAlignment="1">
      <alignment horizontal="left" vertical="center" wrapText="1"/>
    </xf>
    <xf numFmtId="49" fontId="2" fillId="2" borderId="13" xfId="0" applyNumberFormat="1" applyFont="1" applyFill="1" applyBorder="1" applyAlignment="1">
      <alignment horizontal="center" vertical="center" wrapText="1"/>
    </xf>
    <xf numFmtId="0" fontId="11" fillId="0" borderId="0" xfId="0" applyNumberFormat="1" applyFont="1" applyBorder="1" applyAlignment="1">
      <alignment vertical="center" wrapText="1"/>
    </xf>
    <xf numFmtId="0" fontId="7" fillId="0" borderId="0" xfId="0" applyNumberFormat="1" applyFont="1" applyBorder="1" applyAlignment="1">
      <alignment vertical="center" wrapText="1"/>
    </xf>
    <xf numFmtId="49" fontId="4" fillId="0" borderId="13" xfId="0" applyNumberFormat="1" applyFont="1" applyBorder="1" applyAlignment="1">
      <alignment horizontal="left" vertical="center" wrapText="1"/>
    </xf>
    <xf numFmtId="49" fontId="4" fillId="0" borderId="25" xfId="0" applyNumberFormat="1" applyFont="1" applyBorder="1" applyAlignment="1">
      <alignment horizontal="left" vertical="center" wrapText="1"/>
    </xf>
    <xf numFmtId="49" fontId="4" fillId="0" borderId="4" xfId="0" applyNumberFormat="1" applyFont="1" applyBorder="1" applyAlignment="1">
      <alignment horizontal="left" vertical="center" wrapText="1"/>
    </xf>
    <xf numFmtId="0" fontId="4" fillId="0" borderId="4" xfId="0" applyFont="1" applyBorder="1" applyAlignment="1">
      <alignment horizontal="left" vertical="center" wrapText="1"/>
    </xf>
    <xf numFmtId="0" fontId="4" fillId="0" borderId="25" xfId="0" applyFont="1" applyBorder="1" applyAlignment="1">
      <alignment horizontal="left" vertical="center" wrapText="1"/>
    </xf>
    <xf numFmtId="16" fontId="2" fillId="0" borderId="9" xfId="0" applyNumberFormat="1" applyFont="1" applyBorder="1" applyAlignment="1">
      <alignment horizontal="center" vertical="center"/>
    </xf>
    <xf numFmtId="0" fontId="4" fillId="0" borderId="4" xfId="0" applyFont="1" applyBorder="1" applyAlignment="1">
      <alignment vertical="center" wrapText="1"/>
    </xf>
    <xf numFmtId="49" fontId="5" fillId="0" borderId="13" xfId="0" applyNumberFormat="1" applyFont="1" applyFill="1" applyBorder="1" applyAlignment="1">
      <alignment horizontal="left" vertical="center" wrapText="1"/>
    </xf>
    <xf numFmtId="49" fontId="4" fillId="0" borderId="25" xfId="0" applyNumberFormat="1" applyFont="1" applyBorder="1" applyAlignment="1">
      <alignment vertical="center" wrapText="1"/>
    </xf>
    <xf numFmtId="0" fontId="4" fillId="0" borderId="33" xfId="0" applyFont="1" applyBorder="1" applyAlignment="1">
      <alignment vertical="center" wrapText="1"/>
    </xf>
    <xf numFmtId="49" fontId="5" fillId="0" borderId="13" xfId="0" applyNumberFormat="1" applyFont="1" applyFill="1" applyBorder="1" applyAlignment="1">
      <alignment vertical="center" wrapText="1"/>
    </xf>
    <xf numFmtId="0" fontId="4" fillId="6" borderId="4" xfId="0" applyFont="1" applyFill="1" applyBorder="1" applyAlignment="1">
      <alignment vertical="center" wrapText="1"/>
    </xf>
    <xf numFmtId="0" fontId="4" fillId="0" borderId="4" xfId="0" applyFont="1" applyFill="1" applyBorder="1" applyAlignment="1">
      <alignment vertical="center" wrapText="1"/>
    </xf>
    <xf numFmtId="0" fontId="3" fillId="0" borderId="13" xfId="0" applyFont="1" applyBorder="1" applyAlignment="1">
      <alignment vertical="center"/>
    </xf>
    <xf numFmtId="0" fontId="4" fillId="6" borderId="13" xfId="0" applyFont="1" applyFill="1" applyBorder="1" applyAlignment="1">
      <alignment vertical="center" wrapText="1"/>
    </xf>
    <xf numFmtId="0" fontId="4" fillId="0" borderId="13" xfId="0" applyFont="1" applyFill="1" applyBorder="1" applyAlignment="1">
      <alignment vertical="center" wrapText="1"/>
    </xf>
    <xf numFmtId="49" fontId="4" fillId="0" borderId="13" xfId="0" applyNumberFormat="1" applyFont="1" applyBorder="1" applyAlignment="1">
      <alignment vertical="center" wrapText="1"/>
    </xf>
    <xf numFmtId="0" fontId="10" fillId="0" borderId="13" xfId="0" applyFont="1" applyBorder="1" applyAlignment="1">
      <alignment horizontal="left" vertical="center" wrapText="1"/>
    </xf>
    <xf numFmtId="16" fontId="3" fillId="0" borderId="13" xfId="0" applyNumberFormat="1" applyFont="1" applyBorder="1" applyAlignment="1">
      <alignment vertical="center"/>
    </xf>
    <xf numFmtId="49" fontId="5" fillId="7" borderId="13" xfId="0" applyNumberFormat="1" applyFont="1" applyFill="1" applyBorder="1" applyAlignment="1">
      <alignment vertical="center" wrapText="1"/>
    </xf>
    <xf numFmtId="0" fontId="10" fillId="0" borderId="0" xfId="0" applyFont="1" applyBorder="1" applyAlignment="1">
      <alignment horizontal="center" vertical="center" wrapText="1"/>
    </xf>
    <xf numFmtId="0" fontId="2" fillId="0" borderId="0" xfId="0" applyFont="1" applyFill="1" applyBorder="1" applyAlignment="1">
      <alignment vertical="center" wrapText="1"/>
    </xf>
    <xf numFmtId="0" fontId="4" fillId="0" borderId="0" xfId="0" applyFont="1" applyFill="1" applyBorder="1" applyAlignment="1">
      <alignment horizontal="left" vertical="center" wrapText="1"/>
    </xf>
    <xf numFmtId="0" fontId="2" fillId="0" borderId="0" xfId="0" applyFont="1" applyFill="1" applyBorder="1" applyAlignment="1">
      <alignment horizontal="center" vertical="center" wrapText="1"/>
    </xf>
    <xf numFmtId="0" fontId="13" fillId="0" borderId="0" xfId="0" applyFont="1" applyFill="1" applyBorder="1" applyAlignment="1">
      <alignment horizontal="center" vertical="center" wrapText="1"/>
    </xf>
    <xf numFmtId="49" fontId="2" fillId="0" borderId="37" xfId="0" applyNumberFormat="1" applyFont="1" applyBorder="1" applyAlignment="1">
      <alignment vertical="center" wrapText="1"/>
    </xf>
    <xf numFmtId="49" fontId="2" fillId="0" borderId="34" xfId="0" applyNumberFormat="1" applyFont="1" applyFill="1" applyBorder="1" applyAlignment="1">
      <alignment vertical="center" wrapText="1"/>
    </xf>
    <xf numFmtId="49" fontId="2" fillId="0" borderId="9" xfId="0" applyNumberFormat="1" applyFont="1" applyFill="1" applyBorder="1" applyAlignment="1">
      <alignment vertical="center" wrapText="1"/>
    </xf>
    <xf numFmtId="0" fontId="2" fillId="8" borderId="21" xfId="0" applyFont="1" applyFill="1" applyBorder="1" applyAlignment="1">
      <alignment vertical="center" wrapText="1"/>
    </xf>
    <xf numFmtId="49" fontId="2" fillId="6" borderId="7" xfId="0" applyNumberFormat="1" applyFont="1" applyFill="1" applyBorder="1" applyAlignment="1">
      <alignment vertical="center" wrapText="1"/>
    </xf>
    <xf numFmtId="49" fontId="2" fillId="6" borderId="8" xfId="0" applyNumberFormat="1" applyFont="1" applyFill="1" applyBorder="1" applyAlignment="1">
      <alignment horizontal="center" vertical="center" wrapText="1"/>
    </xf>
    <xf numFmtId="49" fontId="2" fillId="6" borderId="39" xfId="0" applyNumberFormat="1" applyFont="1" applyFill="1" applyBorder="1" applyAlignment="1">
      <alignment horizontal="center" vertical="center" wrapText="1"/>
    </xf>
    <xf numFmtId="0" fontId="4" fillId="0" borderId="25" xfId="0" applyFont="1" applyBorder="1" applyAlignment="1">
      <alignment horizontal="left" vertical="center" wrapText="1"/>
    </xf>
    <xf numFmtId="16" fontId="2" fillId="0" borderId="34" xfId="0" applyNumberFormat="1" applyFont="1" applyBorder="1" applyAlignment="1">
      <alignment horizontal="center" vertical="center"/>
    </xf>
    <xf numFmtId="0" fontId="10" fillId="0" borderId="0" xfId="0" applyFont="1" applyBorder="1" applyAlignment="1">
      <alignment horizontal="center" vertical="center" wrapText="1"/>
    </xf>
    <xf numFmtId="16" fontId="2" fillId="0" borderId="32" xfId="0" applyNumberFormat="1" applyFont="1" applyBorder="1" applyAlignment="1">
      <alignment horizontal="center" vertical="center"/>
    </xf>
    <xf numFmtId="16" fontId="2" fillId="0" borderId="5" xfId="0" applyNumberFormat="1" applyFont="1" applyBorder="1" applyAlignment="1">
      <alignment horizontal="center" vertical="center"/>
    </xf>
    <xf numFmtId="49" fontId="2" fillId="0" borderId="4" xfId="0" applyNumberFormat="1" applyFont="1" applyBorder="1" applyAlignment="1">
      <alignment horizontal="left" vertical="center" wrapText="1"/>
    </xf>
    <xf numFmtId="49" fontId="2" fillId="0" borderId="45" xfId="0" applyNumberFormat="1" applyFont="1" applyBorder="1" applyAlignment="1">
      <alignment horizontal="left" vertical="center" wrapText="1"/>
    </xf>
    <xf numFmtId="16" fontId="2" fillId="0" borderId="13" xfId="0" applyNumberFormat="1" applyFont="1" applyBorder="1" applyAlignment="1">
      <alignment horizontal="left" vertical="center"/>
    </xf>
    <xf numFmtId="49" fontId="4" fillId="0" borderId="13" xfId="0" applyNumberFormat="1" applyFont="1" applyFill="1" applyBorder="1" applyAlignment="1">
      <alignment vertical="center" wrapText="1"/>
    </xf>
    <xf numFmtId="49" fontId="4" fillId="0" borderId="13" xfId="0" applyNumberFormat="1" applyFont="1" applyFill="1" applyBorder="1" applyAlignment="1">
      <alignment horizontal="left" vertical="center" wrapText="1"/>
    </xf>
    <xf numFmtId="16" fontId="2" fillId="0" borderId="13" xfId="0" applyNumberFormat="1" applyFont="1" applyBorder="1" applyAlignment="1">
      <alignment vertical="center"/>
    </xf>
    <xf numFmtId="0" fontId="7" fillId="0" borderId="0" xfId="0" applyNumberFormat="1" applyFont="1" applyBorder="1" applyAlignment="1">
      <alignment horizontal="center" vertical="center" wrapText="1"/>
    </xf>
    <xf numFmtId="0" fontId="2" fillId="0" borderId="0" xfId="0" applyFont="1" applyFill="1" applyBorder="1" applyAlignment="1">
      <alignment horizontal="left" vertical="center" wrapText="1"/>
    </xf>
    <xf numFmtId="49" fontId="3" fillId="2" borderId="0" xfId="0" applyNumberFormat="1" applyFont="1" applyFill="1" applyBorder="1" applyAlignment="1">
      <alignment horizontal="left" vertical="top" wrapText="1"/>
    </xf>
    <xf numFmtId="49" fontId="2" fillId="2" borderId="35" xfId="0" applyNumberFormat="1" applyFont="1" applyFill="1" applyBorder="1" applyAlignment="1">
      <alignment horizontal="center" vertical="center" wrapText="1"/>
    </xf>
    <xf numFmtId="0" fontId="7" fillId="0" borderId="48" xfId="0" applyNumberFormat="1" applyFont="1" applyBorder="1" applyAlignment="1">
      <alignment horizontal="center" vertical="center" wrapText="1"/>
    </xf>
    <xf numFmtId="0" fontId="2" fillId="0" borderId="50" xfId="0" applyFont="1" applyFill="1" applyBorder="1" applyAlignment="1">
      <alignment horizontal="left" vertical="center" wrapText="1"/>
    </xf>
    <xf numFmtId="49" fontId="5" fillId="0" borderId="50" xfId="1" applyNumberFormat="1" applyFont="1" applyBorder="1" applyAlignment="1">
      <alignment horizontal="left" vertical="center" wrapText="1"/>
    </xf>
    <xf numFmtId="49" fontId="3" fillId="2" borderId="52" xfId="0" applyNumberFormat="1" applyFont="1" applyFill="1" applyBorder="1" applyAlignment="1">
      <alignment horizontal="left" vertical="top" wrapText="1"/>
    </xf>
    <xf numFmtId="49" fontId="2" fillId="0" borderId="44" xfId="0" applyNumberFormat="1" applyFont="1" applyFill="1" applyBorder="1" applyAlignment="1">
      <alignment horizontal="center" vertical="center" wrapText="1"/>
    </xf>
    <xf numFmtId="49" fontId="2" fillId="0" borderId="54" xfId="0" applyNumberFormat="1" applyFont="1" applyFill="1" applyBorder="1" applyAlignment="1">
      <alignment horizontal="center" vertical="center" wrapText="1"/>
    </xf>
    <xf numFmtId="49" fontId="4" fillId="0" borderId="54" xfId="0" applyNumberFormat="1" applyFont="1" applyFill="1" applyBorder="1" applyAlignment="1">
      <alignment horizontal="center" vertical="center" wrapText="1"/>
    </xf>
    <xf numFmtId="49" fontId="4" fillId="0" borderId="56" xfId="1" applyNumberFormat="1" applyFont="1" applyBorder="1" applyAlignment="1">
      <alignment horizontal="center" vertical="center" wrapText="1"/>
    </xf>
    <xf numFmtId="0" fontId="4" fillId="0" borderId="55"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52" xfId="0" applyFont="1" applyFill="1" applyBorder="1" applyAlignment="1">
      <alignment horizontal="left" vertical="center" wrapText="1"/>
    </xf>
    <xf numFmtId="0" fontId="4" fillId="6" borderId="4" xfId="0" applyFont="1" applyFill="1" applyBorder="1" applyAlignment="1">
      <alignment horizontal="left" vertical="center" wrapText="1"/>
    </xf>
    <xf numFmtId="0" fontId="4" fillId="6" borderId="25" xfId="0" applyFont="1" applyFill="1" applyBorder="1" applyAlignment="1">
      <alignment horizontal="left" vertical="center" wrapText="1"/>
    </xf>
    <xf numFmtId="0" fontId="4" fillId="6" borderId="5" xfId="0" applyFont="1" applyFill="1" applyBorder="1" applyAlignment="1">
      <alignment horizontal="left" vertical="center" wrapText="1"/>
    </xf>
    <xf numFmtId="0" fontId="4" fillId="0" borderId="13" xfId="0" applyFont="1" applyFill="1" applyBorder="1" applyAlignment="1">
      <alignment horizontal="left" vertical="center" wrapText="1"/>
    </xf>
    <xf numFmtId="0" fontId="10" fillId="0" borderId="13" xfId="0" applyFont="1" applyFill="1" applyBorder="1" applyAlignment="1">
      <alignment horizontal="left" vertical="center" wrapText="1"/>
    </xf>
    <xf numFmtId="0" fontId="7" fillId="0" borderId="5" xfId="0" applyNumberFormat="1" applyFont="1" applyFill="1" applyBorder="1" applyAlignment="1">
      <alignment horizontal="center" vertical="center" wrapText="1"/>
    </xf>
    <xf numFmtId="49" fontId="2" fillId="0" borderId="13" xfId="0" applyNumberFormat="1" applyFont="1" applyFill="1" applyBorder="1" applyAlignment="1">
      <alignment horizontal="left" vertical="center" wrapText="1"/>
    </xf>
    <xf numFmtId="0" fontId="7" fillId="0" borderId="13" xfId="0" applyNumberFormat="1" applyFont="1" applyFill="1" applyBorder="1" applyAlignment="1">
      <alignment horizontal="center" vertical="center" wrapText="1"/>
    </xf>
    <xf numFmtId="16" fontId="2" fillId="0" borderId="13" xfId="0" applyNumberFormat="1" applyFont="1" applyFill="1" applyBorder="1" applyAlignment="1">
      <alignment horizontal="left" vertical="center"/>
    </xf>
    <xf numFmtId="16" fontId="2" fillId="0" borderId="13" xfId="0" applyNumberFormat="1" applyFont="1" applyFill="1" applyBorder="1" applyAlignment="1">
      <alignment horizontal="center" vertical="center"/>
    </xf>
    <xf numFmtId="16" fontId="2" fillId="0" borderId="5" xfId="0" applyNumberFormat="1" applyFont="1" applyFill="1" applyBorder="1" applyAlignment="1">
      <alignment horizontal="left" vertical="center"/>
    </xf>
    <xf numFmtId="16" fontId="2" fillId="0" borderId="5" xfId="0" applyNumberFormat="1" applyFont="1" applyFill="1" applyBorder="1" applyAlignment="1">
      <alignment horizontal="left" vertical="center" wrapText="1"/>
    </xf>
    <xf numFmtId="49" fontId="2" fillId="0" borderId="34" xfId="0" applyNumberFormat="1" applyFont="1" applyFill="1" applyBorder="1" applyAlignment="1">
      <alignment horizontal="center" vertical="center" wrapText="1"/>
    </xf>
    <xf numFmtId="49" fontId="2" fillId="0" borderId="13" xfId="0" applyNumberFormat="1" applyFont="1" applyFill="1" applyBorder="1" applyAlignment="1">
      <alignment horizontal="center" vertical="center" wrapText="1"/>
    </xf>
    <xf numFmtId="0" fontId="4" fillId="9" borderId="13" xfId="0" applyFont="1" applyFill="1" applyBorder="1" applyAlignment="1">
      <alignment horizontal="left" vertical="center" wrapText="1"/>
    </xf>
    <xf numFmtId="0" fontId="10" fillId="9" borderId="13" xfId="0" applyFont="1" applyFill="1" applyBorder="1" applyAlignment="1">
      <alignment horizontal="left" vertical="center" wrapText="1"/>
    </xf>
    <xf numFmtId="0" fontId="7" fillId="9" borderId="13" xfId="0" applyNumberFormat="1" applyFont="1" applyFill="1" applyBorder="1" applyAlignment="1">
      <alignment horizontal="center" vertical="center" wrapText="1"/>
    </xf>
    <xf numFmtId="0" fontId="3" fillId="4" borderId="0"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11" xfId="0" applyFont="1" applyFill="1" applyBorder="1" applyAlignment="1">
      <alignment horizontal="left" vertical="center" wrapText="1"/>
    </xf>
    <xf numFmtId="49" fontId="2" fillId="0" borderId="13"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49" fontId="2" fillId="0" borderId="4" xfId="0" applyNumberFormat="1" applyFont="1" applyBorder="1" applyAlignment="1">
      <alignment horizontal="center" vertical="center" wrapText="1"/>
    </xf>
    <xf numFmtId="49" fontId="2" fillId="0" borderId="45" xfId="0" applyNumberFormat="1" applyFont="1" applyBorder="1" applyAlignment="1">
      <alignment horizontal="center" vertical="center" wrapText="1"/>
    </xf>
    <xf numFmtId="49" fontId="2" fillId="0" borderId="13" xfId="0" applyNumberFormat="1" applyFont="1" applyFill="1" applyBorder="1" applyAlignment="1">
      <alignment horizontal="left" vertical="center" wrapText="1"/>
    </xf>
    <xf numFmtId="49" fontId="2" fillId="0" borderId="11" xfId="0" applyNumberFormat="1" applyFont="1" applyFill="1" applyBorder="1" applyAlignment="1">
      <alignment horizontal="left" vertical="center" wrapText="1"/>
    </xf>
    <xf numFmtId="16" fontId="3" fillId="0" borderId="32" xfId="0" applyNumberFormat="1" applyFont="1" applyBorder="1" applyAlignment="1">
      <alignment horizontal="left" vertical="center"/>
    </xf>
    <xf numFmtId="16" fontId="3" fillId="0" borderId="5" xfId="0" applyNumberFormat="1" applyFont="1" applyBorder="1" applyAlignment="1">
      <alignment horizontal="left" vertical="center"/>
    </xf>
    <xf numFmtId="0" fontId="4" fillId="6" borderId="4" xfId="0" applyFont="1" applyFill="1" applyBorder="1" applyAlignment="1">
      <alignment horizontal="left" vertical="center" wrapText="1"/>
    </xf>
    <xf numFmtId="0" fontId="4" fillId="6" borderId="25" xfId="0" applyFont="1" applyFill="1" applyBorder="1" applyAlignment="1">
      <alignment horizontal="left" vertical="center" wrapText="1"/>
    </xf>
    <xf numFmtId="0" fontId="4" fillId="6" borderId="5" xfId="0" applyFont="1" applyFill="1" applyBorder="1" applyAlignment="1">
      <alignment horizontal="left" vertical="center" wrapText="1"/>
    </xf>
    <xf numFmtId="0" fontId="4" fillId="6" borderId="36" xfId="0" applyFont="1" applyFill="1" applyBorder="1" applyAlignment="1">
      <alignment horizontal="left" vertical="center" wrapText="1"/>
    </xf>
    <xf numFmtId="0" fontId="4" fillId="6" borderId="40" xfId="0" applyFont="1" applyFill="1" applyBorder="1" applyAlignment="1">
      <alignment horizontal="left" vertical="center" wrapText="1"/>
    </xf>
    <xf numFmtId="0" fontId="4" fillId="6" borderId="41"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28" xfId="0" applyNumberFormat="1" applyFont="1" applyFill="1" applyBorder="1" applyAlignment="1">
      <alignment horizontal="left" vertical="top" wrapText="1"/>
    </xf>
    <xf numFmtId="49" fontId="3" fillId="2" borderId="26" xfId="0" applyNumberFormat="1" applyFont="1" applyFill="1" applyBorder="1" applyAlignment="1">
      <alignment horizontal="left" vertical="top" wrapText="1"/>
    </xf>
    <xf numFmtId="49" fontId="3" fillId="2" borderId="27" xfId="0" applyNumberFormat="1" applyFont="1" applyFill="1" applyBorder="1" applyAlignment="1">
      <alignment horizontal="left" vertical="top" wrapText="1"/>
    </xf>
    <xf numFmtId="49" fontId="3" fillId="2" borderId="29" xfId="0" applyNumberFormat="1" applyFont="1" applyFill="1" applyBorder="1" applyAlignment="1">
      <alignment horizontal="left" vertical="top" wrapText="1"/>
    </xf>
    <xf numFmtId="0" fontId="4" fillId="0" borderId="4" xfId="0" applyFont="1" applyBorder="1" applyAlignment="1">
      <alignment horizontal="left" vertical="center" wrapText="1"/>
    </xf>
    <xf numFmtId="0" fontId="4" fillId="0" borderId="25" xfId="0" applyFont="1" applyBorder="1" applyAlignment="1">
      <alignment horizontal="left" vertical="center" wrapText="1"/>
    </xf>
    <xf numFmtId="0" fontId="4" fillId="0" borderId="5" xfId="0" applyFont="1" applyBorder="1" applyAlignment="1">
      <alignment horizontal="left" vertical="center" wrapText="1"/>
    </xf>
    <xf numFmtId="16" fontId="3" fillId="0" borderId="32" xfId="0" applyNumberFormat="1" applyFont="1" applyFill="1" applyBorder="1" applyAlignment="1">
      <alignment horizontal="left" vertical="center"/>
    </xf>
    <xf numFmtId="16" fontId="3" fillId="0" borderId="5" xfId="0" applyNumberFormat="1" applyFont="1" applyFill="1" applyBorder="1" applyAlignment="1">
      <alignment horizontal="left" vertical="center"/>
    </xf>
    <xf numFmtId="49" fontId="2" fillId="9" borderId="13" xfId="0" applyNumberFormat="1" applyFont="1" applyFill="1" applyBorder="1" applyAlignment="1">
      <alignment horizontal="left" vertical="center" wrapText="1"/>
    </xf>
    <xf numFmtId="49" fontId="2" fillId="9" borderId="11" xfId="0" applyNumberFormat="1" applyFont="1" applyFill="1" applyBorder="1" applyAlignment="1">
      <alignment horizontal="left" vertical="center" wrapText="1"/>
    </xf>
    <xf numFmtId="0" fontId="2" fillId="6" borderId="13" xfId="0" applyFont="1" applyFill="1" applyBorder="1" applyAlignment="1">
      <alignment horizontal="left" vertical="center" wrapText="1"/>
    </xf>
    <xf numFmtId="0" fontId="2" fillId="6" borderId="11" xfId="0" applyFont="1" applyFill="1" applyBorder="1" applyAlignment="1">
      <alignment horizontal="left" vertical="center" wrapText="1"/>
    </xf>
    <xf numFmtId="0" fontId="3" fillId="4" borderId="0" xfId="0" applyFont="1" applyFill="1" applyAlignment="1">
      <alignment horizontal="center" vertical="center" wrapText="1"/>
    </xf>
    <xf numFmtId="0" fontId="4" fillId="6" borderId="24" xfId="0" applyFont="1" applyFill="1" applyBorder="1" applyAlignment="1">
      <alignment horizontal="left" vertical="center" wrapText="1"/>
    </xf>
    <xf numFmtId="0" fontId="4" fillId="6" borderId="30" xfId="0" applyFont="1" applyFill="1" applyBorder="1" applyAlignment="1">
      <alignment horizontal="left" vertical="center" wrapText="1"/>
    </xf>
    <xf numFmtId="0" fontId="4" fillId="6" borderId="31" xfId="0" applyFont="1" applyFill="1" applyBorder="1" applyAlignment="1">
      <alignment horizontal="left" vertical="center" wrapText="1"/>
    </xf>
    <xf numFmtId="0" fontId="4" fillId="6" borderId="38" xfId="0" applyFont="1" applyFill="1" applyBorder="1" applyAlignment="1">
      <alignment horizontal="left" vertical="center" wrapText="1"/>
    </xf>
    <xf numFmtId="0" fontId="4" fillId="6" borderId="42" xfId="0" applyFont="1" applyFill="1" applyBorder="1" applyAlignment="1">
      <alignment horizontal="left" vertical="center" wrapText="1"/>
    </xf>
    <xf numFmtId="0" fontId="4" fillId="6" borderId="43" xfId="0" applyFont="1" applyFill="1" applyBorder="1" applyAlignment="1">
      <alignment horizontal="left" vertical="center" wrapText="1"/>
    </xf>
    <xf numFmtId="0" fontId="4" fillId="0" borderId="4" xfId="0" applyFont="1" applyFill="1" applyBorder="1" applyAlignment="1">
      <alignment horizontal="left" vertical="center" wrapText="1"/>
    </xf>
    <xf numFmtId="0" fontId="4" fillId="0" borderId="25" xfId="0" applyFont="1" applyFill="1" applyBorder="1" applyAlignment="1">
      <alignment horizontal="left" vertical="center" wrapText="1"/>
    </xf>
    <xf numFmtId="0" fontId="4" fillId="0" borderId="5" xfId="0"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3" fillId="0" borderId="0" xfId="0" applyNumberFormat="1" applyFont="1" applyAlignment="1">
      <alignment horizontal="left" vertical="top" wrapText="1"/>
    </xf>
    <xf numFmtId="0" fontId="9"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4" xfId="0" applyFont="1" applyFill="1" applyBorder="1" applyAlignment="1">
      <alignment horizontal="left" vertical="top" wrapText="1"/>
    </xf>
    <xf numFmtId="0" fontId="2" fillId="3" borderId="25" xfId="0" applyFont="1" applyFill="1" applyBorder="1" applyAlignment="1">
      <alignment horizontal="left" vertical="top" wrapText="1"/>
    </xf>
    <xf numFmtId="0" fontId="2" fillId="3" borderId="5" xfId="0" applyFont="1" applyFill="1" applyBorder="1" applyAlignment="1">
      <alignment horizontal="left" vertical="top" wrapText="1"/>
    </xf>
    <xf numFmtId="0" fontId="4" fillId="0" borderId="0" xfId="0" applyFont="1" applyAlignment="1">
      <alignment horizontal="left" vertical="top" wrapText="1"/>
    </xf>
    <xf numFmtId="0" fontId="2" fillId="0" borderId="0" xfId="0" applyFont="1" applyAlignment="1">
      <alignment horizontal="left" wrapText="1"/>
    </xf>
    <xf numFmtId="0" fontId="3" fillId="0" borderId="0" xfId="0" applyFont="1" applyAlignment="1">
      <alignment horizont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3" fillId="2" borderId="23" xfId="0" applyFont="1" applyFill="1" applyBorder="1" applyAlignment="1">
      <alignment horizontal="center" vertical="top" wrapText="1"/>
    </xf>
    <xf numFmtId="0" fontId="3" fillId="2" borderId="10" xfId="0" applyFont="1" applyFill="1" applyBorder="1" applyAlignment="1">
      <alignment horizontal="center" vertical="top" wrapText="1"/>
    </xf>
    <xf numFmtId="49" fontId="2" fillId="2" borderId="13" xfId="0" applyNumberFormat="1" applyFont="1" applyFill="1" applyBorder="1" applyAlignment="1">
      <alignment horizontal="center" vertical="center" wrapText="1"/>
    </xf>
    <xf numFmtId="49" fontId="2" fillId="2" borderId="11" xfId="0" applyNumberFormat="1" applyFont="1" applyFill="1" applyBorder="1" applyAlignment="1">
      <alignment horizontal="center" vertical="center" wrapText="1"/>
    </xf>
    <xf numFmtId="49" fontId="5" fillId="5" borderId="1" xfId="0" applyNumberFormat="1" applyFont="1" applyFill="1" applyBorder="1" applyAlignment="1">
      <alignment horizontal="left" vertical="center" wrapText="1"/>
    </xf>
    <xf numFmtId="49" fontId="5" fillId="5" borderId="28" xfId="0" applyNumberFormat="1" applyFont="1" applyFill="1" applyBorder="1" applyAlignment="1">
      <alignment horizontal="left" vertical="center" wrapText="1"/>
    </xf>
    <xf numFmtId="49" fontId="5" fillId="5" borderId="26" xfId="0" applyNumberFormat="1" applyFont="1" applyFill="1" applyBorder="1" applyAlignment="1">
      <alignment horizontal="left" vertical="center" wrapText="1"/>
    </xf>
    <xf numFmtId="49" fontId="5" fillId="5" borderId="29" xfId="0" applyNumberFormat="1" applyFont="1" applyFill="1" applyBorder="1" applyAlignment="1">
      <alignment horizontal="left" vertical="center" wrapText="1"/>
    </xf>
    <xf numFmtId="49" fontId="5" fillId="7" borderId="23" xfId="0" applyNumberFormat="1" applyFont="1" applyFill="1" applyBorder="1" applyAlignment="1">
      <alignment horizontal="center" vertical="center" wrapText="1"/>
    </xf>
    <xf numFmtId="0" fontId="4" fillId="0" borderId="33" xfId="0" applyFont="1" applyFill="1" applyBorder="1" applyAlignment="1">
      <alignment horizontal="left" vertical="center" wrapText="1"/>
    </xf>
    <xf numFmtId="0" fontId="4" fillId="0" borderId="27" xfId="0" applyFont="1" applyFill="1" applyBorder="1" applyAlignment="1">
      <alignment horizontal="left" vertical="center" wrapText="1"/>
    </xf>
    <xf numFmtId="0" fontId="4" fillId="0" borderId="29" xfId="0" applyFont="1" applyFill="1" applyBorder="1" applyAlignment="1">
      <alignment horizontal="left" vertical="center" wrapText="1"/>
    </xf>
    <xf numFmtId="0" fontId="12" fillId="0" borderId="6"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0" xfId="0" applyFont="1" applyFill="1" applyBorder="1" applyAlignment="1">
      <alignment horizontal="left" vertical="center" wrapText="1"/>
    </xf>
    <xf numFmtId="0" fontId="2" fillId="0" borderId="50" xfId="0" applyFont="1" applyFill="1" applyBorder="1" applyAlignment="1">
      <alignment horizontal="left" vertical="center" wrapText="1"/>
    </xf>
    <xf numFmtId="49" fontId="3" fillId="2" borderId="0" xfId="0" applyNumberFormat="1" applyFont="1" applyFill="1" applyBorder="1" applyAlignment="1">
      <alignment horizontal="left" vertical="top" wrapText="1"/>
    </xf>
    <xf numFmtId="49" fontId="2" fillId="2" borderId="46" xfId="0" applyNumberFormat="1" applyFont="1" applyFill="1" applyBorder="1" applyAlignment="1">
      <alignment horizontal="center" vertical="center" wrapText="1"/>
    </xf>
    <xf numFmtId="49" fontId="2" fillId="2" borderId="47" xfId="0" applyNumberFormat="1" applyFont="1" applyFill="1" applyBorder="1" applyAlignment="1">
      <alignment horizontal="center" vertical="center" wrapText="1"/>
    </xf>
    <xf numFmtId="0" fontId="3" fillId="4" borderId="53" xfId="0" applyFont="1" applyFill="1" applyBorder="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48" xfId="0" applyFont="1" applyFill="1" applyBorder="1" applyAlignment="1">
      <alignment horizontal="left" vertical="center" wrapText="1"/>
    </xf>
    <xf numFmtId="0" fontId="2" fillId="0" borderId="49" xfId="0" applyFont="1" applyFill="1" applyBorder="1" applyAlignment="1">
      <alignment horizontal="left" vertical="center" wrapText="1"/>
    </xf>
    <xf numFmtId="0" fontId="2" fillId="0" borderId="57" xfId="0" applyFont="1" applyFill="1" applyBorder="1" applyAlignment="1">
      <alignment horizontal="left" vertical="center" wrapText="1"/>
    </xf>
    <xf numFmtId="0" fontId="2" fillId="0" borderId="53" xfId="0" applyFont="1" applyFill="1" applyBorder="1" applyAlignment="1">
      <alignment horizontal="left" vertical="center" wrapText="1"/>
    </xf>
    <xf numFmtId="0" fontId="2" fillId="0" borderId="51" xfId="0" applyFont="1" applyFill="1" applyBorder="1" applyAlignment="1">
      <alignment horizontal="left" vertical="center" wrapText="1"/>
    </xf>
    <xf numFmtId="0" fontId="3" fillId="0" borderId="55"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52" xfId="0" applyFont="1" applyFill="1" applyBorder="1" applyAlignment="1">
      <alignment horizontal="left" vertical="center" wrapText="1"/>
    </xf>
    <xf numFmtId="0" fontId="2" fillId="0" borderId="55" xfId="0" applyFont="1" applyFill="1" applyBorder="1" applyAlignment="1">
      <alignment horizontal="left" vertical="center" wrapText="1"/>
    </xf>
    <xf numFmtId="0" fontId="2" fillId="0" borderId="52"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52" xfId="0" applyFont="1" applyFill="1" applyBorder="1" applyAlignment="1">
      <alignment horizontal="left" vertical="center" wrapText="1"/>
    </xf>
    <xf numFmtId="16" fontId="3" fillId="9" borderId="4" xfId="0" applyNumberFormat="1" applyFont="1" applyFill="1" applyBorder="1" applyAlignment="1">
      <alignment horizontal="left" vertical="center"/>
    </xf>
    <xf numFmtId="16" fontId="3" fillId="9" borderId="5" xfId="0" applyNumberFormat="1" applyFont="1" applyFill="1" applyBorder="1" applyAlignment="1">
      <alignment horizontal="left" vertical="center"/>
    </xf>
    <xf numFmtId="16" fontId="2" fillId="0" borderId="4" xfId="0" applyNumberFormat="1" applyFont="1" applyFill="1" applyBorder="1" applyAlignment="1">
      <alignment horizontal="left" vertical="center"/>
    </xf>
    <xf numFmtId="16" fontId="2" fillId="0" borderId="5" xfId="0" applyNumberFormat="1" applyFont="1" applyFill="1" applyBorder="1" applyAlignment="1">
      <alignment horizontal="left" vertical="center"/>
    </xf>
    <xf numFmtId="0" fontId="4" fillId="6" borderId="4" xfId="0" applyFont="1" applyFill="1" applyBorder="1" applyAlignment="1">
      <alignment vertical="center" wrapText="1"/>
    </xf>
    <xf numFmtId="0" fontId="4" fillId="6" borderId="25" xfId="0" applyFont="1" applyFill="1" applyBorder="1" applyAlignment="1">
      <alignment vertical="center" wrapText="1"/>
    </xf>
    <xf numFmtId="0" fontId="4" fillId="6" borderId="5" xfId="0" applyFont="1" applyFill="1" applyBorder="1" applyAlignment="1">
      <alignmen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1</xdr:col>
          <xdr:colOff>76200</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1</xdr:col>
          <xdr:colOff>76200</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0</xdr:row>
          <xdr:rowOff>9525</xdr:rowOff>
        </xdr:from>
        <xdr:to>
          <xdr:col>1</xdr:col>
          <xdr:colOff>76200</xdr:colOff>
          <xdr:row>30</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0</xdr:rowOff>
        </xdr:from>
        <xdr:to>
          <xdr:col>1</xdr:col>
          <xdr:colOff>76200</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H242"/>
  <sheetViews>
    <sheetView showGridLines="0" tabSelected="1" topLeftCell="A76" zoomScale="91" zoomScaleNormal="91" workbookViewId="0">
      <selection activeCell="F46" sqref="F46:G46"/>
    </sheetView>
  </sheetViews>
  <sheetFormatPr defaultRowHeight="12.75" x14ac:dyDescent="0.2"/>
  <cols>
    <col min="1" max="1" width="12.140625" style="1" customWidth="1"/>
    <col min="2" max="2" width="88.5703125" style="1" customWidth="1"/>
    <col min="3" max="3" width="12.140625" style="1" customWidth="1"/>
    <col min="4" max="4" width="10.7109375" style="1" customWidth="1"/>
    <col min="5" max="5" width="16.42578125" style="8" customWidth="1"/>
    <col min="6" max="6" width="13.7109375" style="8" customWidth="1"/>
    <col min="7" max="7" width="19.7109375" style="2" customWidth="1"/>
    <col min="8" max="8" width="17.140625" style="1" customWidth="1"/>
    <col min="9" max="9" width="9.140625" style="1"/>
    <col min="10" max="10" width="9.140625" style="1" customWidth="1"/>
    <col min="11" max="16384" width="9.140625" style="1"/>
  </cols>
  <sheetData>
    <row r="1" spans="1:7" ht="24" customHeight="1" x14ac:dyDescent="0.2">
      <c r="A1" s="203" t="s">
        <v>51</v>
      </c>
      <c r="B1" s="203"/>
      <c r="C1" s="203"/>
      <c r="D1" s="203"/>
      <c r="E1" s="203"/>
      <c r="F1" s="203"/>
      <c r="G1" s="203"/>
    </row>
    <row r="2" spans="1:7" ht="27.75" customHeight="1" x14ac:dyDescent="0.2">
      <c r="A2" s="206" t="s">
        <v>48</v>
      </c>
      <c r="B2" s="206"/>
      <c r="C2" s="206"/>
      <c r="D2" s="206"/>
      <c r="E2" s="206"/>
      <c r="F2" s="206"/>
      <c r="G2" s="206"/>
    </row>
    <row r="3" spans="1:7" ht="54.75" customHeight="1" x14ac:dyDescent="0.2">
      <c r="A3" s="184" t="s">
        <v>55</v>
      </c>
      <c r="B3" s="184"/>
      <c r="C3" s="184"/>
      <c r="D3" s="184"/>
      <c r="E3" s="184"/>
      <c r="F3" s="184"/>
      <c r="G3" s="184"/>
    </row>
    <row r="4" spans="1:7" ht="24.95" customHeight="1" x14ac:dyDescent="0.2">
      <c r="A4" s="41" t="s">
        <v>54</v>
      </c>
      <c r="B4" s="48"/>
      <c r="C4" s="56"/>
      <c r="D4" s="56"/>
      <c r="E4" s="38"/>
      <c r="F4" s="38"/>
      <c r="G4" s="38"/>
    </row>
    <row r="5" spans="1:7" ht="24.95" customHeight="1" x14ac:dyDescent="0.2">
      <c r="A5" s="41" t="s">
        <v>52</v>
      </c>
      <c r="B5" s="49"/>
      <c r="C5" s="57"/>
      <c r="D5" s="57"/>
      <c r="E5" s="38"/>
      <c r="F5" s="38"/>
      <c r="G5" s="38"/>
    </row>
    <row r="6" spans="1:7" ht="5.0999999999999996" customHeight="1" x14ac:dyDescent="0.2">
      <c r="A6" s="38"/>
      <c r="B6" s="38"/>
      <c r="C6" s="38"/>
      <c r="D6" s="38"/>
      <c r="E6" s="38"/>
      <c r="F6" s="38"/>
      <c r="G6" s="38"/>
    </row>
    <row r="7" spans="1:7" s="2" customFormat="1" ht="20.100000000000001" customHeight="1" x14ac:dyDescent="0.25">
      <c r="A7" s="173" t="s">
        <v>5</v>
      </c>
      <c r="B7" s="173"/>
      <c r="C7" s="173"/>
      <c r="D7" s="173"/>
      <c r="E7" s="173"/>
      <c r="F7" s="173"/>
      <c r="G7" s="173"/>
    </row>
    <row r="8" spans="1:7" s="2" customFormat="1" ht="20.100000000000001" customHeight="1" x14ac:dyDescent="0.25">
      <c r="A8" s="185" t="s">
        <v>9</v>
      </c>
      <c r="B8" s="185"/>
      <c r="C8" s="185"/>
      <c r="D8" s="185"/>
      <c r="E8" s="185"/>
      <c r="F8" s="185"/>
      <c r="G8" s="185"/>
    </row>
    <row r="9" spans="1:7" ht="24.95" customHeight="1" x14ac:dyDescent="0.2">
      <c r="A9" s="186" t="s">
        <v>336</v>
      </c>
      <c r="B9" s="187"/>
      <c r="C9" s="187"/>
      <c r="D9" s="187"/>
      <c r="E9" s="187"/>
      <c r="F9" s="187"/>
      <c r="G9" s="187"/>
    </row>
    <row r="10" spans="1:7" ht="4.5" customHeight="1" x14ac:dyDescent="0.2">
      <c r="A10" s="40"/>
      <c r="B10" s="40"/>
      <c r="C10" s="40"/>
      <c r="D10" s="40"/>
      <c r="E10" s="40"/>
      <c r="F10" s="40"/>
      <c r="G10" s="40"/>
    </row>
    <row r="11" spans="1:7" s="2" customFormat="1" ht="20.100000000000001" customHeight="1" x14ac:dyDescent="0.25">
      <c r="A11" s="188" t="s">
        <v>10</v>
      </c>
      <c r="B11" s="188"/>
      <c r="C11" s="188"/>
      <c r="D11" s="188"/>
      <c r="E11" s="188"/>
      <c r="F11" s="188"/>
      <c r="G11" s="188"/>
    </row>
    <row r="12" spans="1:7" s="2" customFormat="1" ht="24.95" customHeight="1" x14ac:dyDescent="0.2">
      <c r="A12" s="189" t="s">
        <v>77</v>
      </c>
      <c r="B12" s="189"/>
      <c r="C12" s="189"/>
      <c r="D12" s="189"/>
      <c r="E12" s="189"/>
      <c r="F12" s="52"/>
      <c r="G12" s="52"/>
    </row>
    <row r="13" spans="1:7" s="3" customFormat="1" ht="20.100000000000001" customHeight="1" x14ac:dyDescent="0.25">
      <c r="A13" s="189" t="s">
        <v>25</v>
      </c>
      <c r="B13" s="189"/>
      <c r="C13" s="189"/>
      <c r="D13" s="189"/>
      <c r="E13" s="189"/>
      <c r="F13" s="20"/>
      <c r="G13" s="21"/>
    </row>
    <row r="14" spans="1:7" ht="4.5" customHeight="1" x14ac:dyDescent="0.2">
      <c r="A14" s="40"/>
      <c r="B14" s="40"/>
      <c r="C14" s="40"/>
      <c r="D14" s="40"/>
      <c r="E14" s="40"/>
      <c r="F14" s="40"/>
      <c r="G14" s="40"/>
    </row>
    <row r="15" spans="1:7" ht="20.100000000000001" customHeight="1" x14ac:dyDescent="0.2">
      <c r="A15" s="39" t="s">
        <v>11</v>
      </c>
      <c r="B15" s="22"/>
      <c r="C15" s="22"/>
      <c r="D15" s="22"/>
      <c r="E15" s="22"/>
      <c r="F15" s="23"/>
      <c r="G15" s="23"/>
    </row>
    <row r="16" spans="1:7" s="3" customFormat="1" ht="20.25" customHeight="1" x14ac:dyDescent="0.25">
      <c r="A16" s="201" t="s">
        <v>60</v>
      </c>
      <c r="B16" s="201"/>
      <c r="C16" s="201"/>
      <c r="D16" s="201"/>
      <c r="E16" s="201"/>
      <c r="F16" s="20"/>
      <c r="G16" s="21"/>
    </row>
    <row r="17" spans="1:7" ht="5.0999999999999996" customHeight="1" x14ac:dyDescent="0.2">
      <c r="A17" s="202"/>
      <c r="B17" s="202"/>
      <c r="C17" s="202"/>
      <c r="D17" s="202"/>
      <c r="E17" s="202"/>
      <c r="G17" s="15"/>
    </row>
    <row r="18" spans="1:7" s="2" customFormat="1" ht="20.100000000000001" customHeight="1" x14ac:dyDescent="0.25">
      <c r="A18" s="173" t="s">
        <v>22</v>
      </c>
      <c r="B18" s="173"/>
      <c r="C18" s="173"/>
      <c r="D18" s="173"/>
      <c r="E18" s="173"/>
      <c r="F18" s="173"/>
      <c r="G18" s="173"/>
    </row>
    <row r="19" spans="1:7" ht="24.95" customHeight="1" x14ac:dyDescent="0.2">
      <c r="A19" s="189" t="s">
        <v>66</v>
      </c>
      <c r="B19" s="189"/>
      <c r="C19" s="189"/>
      <c r="D19" s="189"/>
      <c r="E19" s="189"/>
      <c r="F19" s="189"/>
      <c r="G19" s="189"/>
    </row>
    <row r="20" spans="1:7" ht="5.0999999999999996" customHeight="1" x14ac:dyDescent="0.2">
      <c r="A20" s="202"/>
      <c r="B20" s="202"/>
      <c r="C20" s="202"/>
      <c r="D20" s="202"/>
      <c r="E20" s="202"/>
      <c r="G20" s="15"/>
    </row>
    <row r="21" spans="1:7" s="2" customFormat="1" ht="20.100000000000001" customHeight="1" x14ac:dyDescent="0.25">
      <c r="A21" s="173" t="s">
        <v>23</v>
      </c>
      <c r="B21" s="173"/>
      <c r="C21" s="173"/>
      <c r="D21" s="173"/>
      <c r="E21" s="173"/>
      <c r="F21" s="173"/>
      <c r="G21" s="173"/>
    </row>
    <row r="22" spans="1:7" s="9" customFormat="1" ht="20.100000000000001" customHeight="1" x14ac:dyDescent="0.25">
      <c r="A22" s="197" t="s">
        <v>6</v>
      </c>
      <c r="B22" s="197"/>
      <c r="C22" s="197"/>
      <c r="D22" s="197"/>
      <c r="E22" s="197"/>
      <c r="F22" s="197"/>
      <c r="G22" s="197"/>
    </row>
    <row r="23" spans="1:7" s="9" customFormat="1" ht="20.100000000000001" customHeight="1" x14ac:dyDescent="0.25">
      <c r="A23" s="204" t="s">
        <v>17</v>
      </c>
      <c r="B23" s="205"/>
      <c r="C23" s="55"/>
      <c r="D23" s="55"/>
      <c r="E23" s="14"/>
      <c r="F23" s="14"/>
      <c r="G23" s="14"/>
    </row>
    <row r="24" spans="1:7" s="9" customFormat="1" ht="20.100000000000001" customHeight="1" x14ac:dyDescent="0.25">
      <c r="A24" s="13"/>
      <c r="B24" s="13" t="s">
        <v>20</v>
      </c>
      <c r="C24" s="13"/>
      <c r="D24" s="13"/>
      <c r="E24" s="14"/>
      <c r="F24" s="14"/>
      <c r="G24" s="14"/>
    </row>
    <row r="25" spans="1:7" s="9" customFormat="1" ht="20.100000000000001" customHeight="1" x14ac:dyDescent="0.25">
      <c r="A25" s="13"/>
      <c r="B25" s="13" t="s">
        <v>21</v>
      </c>
      <c r="C25" s="13"/>
      <c r="D25" s="13"/>
      <c r="E25" s="14"/>
      <c r="F25" s="14"/>
      <c r="G25" s="14"/>
    </row>
    <row r="26" spans="1:7" s="9" customFormat="1" ht="20.100000000000001" customHeight="1" x14ac:dyDescent="0.25">
      <c r="A26" s="204" t="s">
        <v>18</v>
      </c>
      <c r="B26" s="205"/>
      <c r="C26" s="55"/>
      <c r="D26" s="55"/>
      <c r="E26" s="14"/>
      <c r="F26" s="14"/>
      <c r="G26" s="14"/>
    </row>
    <row r="27" spans="1:7" s="9" customFormat="1" ht="31.5" customHeight="1" x14ac:dyDescent="0.25">
      <c r="A27" s="18" t="s">
        <v>19</v>
      </c>
      <c r="B27" s="198" t="s">
        <v>13</v>
      </c>
      <c r="C27" s="199"/>
      <c r="D27" s="199"/>
      <c r="E27" s="200"/>
      <c r="F27" s="19" t="s">
        <v>12</v>
      </c>
      <c r="G27" s="19" t="s">
        <v>14</v>
      </c>
    </row>
    <row r="28" spans="1:7" s="9" customFormat="1" ht="24.95" customHeight="1" x14ac:dyDescent="0.25">
      <c r="A28" s="16" t="s">
        <v>2</v>
      </c>
      <c r="B28" s="164" t="s">
        <v>65</v>
      </c>
      <c r="C28" s="165"/>
      <c r="D28" s="165"/>
      <c r="E28" s="166"/>
      <c r="F28" s="17" t="s">
        <v>1</v>
      </c>
      <c r="G28" s="43">
        <v>1</v>
      </c>
    </row>
    <row r="29" spans="1:7" s="9" customFormat="1" ht="24.95" customHeight="1" x14ac:dyDescent="0.25">
      <c r="A29" s="16" t="s">
        <v>333</v>
      </c>
      <c r="B29" s="164" t="s">
        <v>334</v>
      </c>
      <c r="C29" s="165"/>
      <c r="D29" s="165"/>
      <c r="E29" s="166"/>
      <c r="F29" s="17" t="s">
        <v>335</v>
      </c>
      <c r="G29" s="43">
        <v>60</v>
      </c>
    </row>
    <row r="30" spans="1:7" s="9" customFormat="1" ht="24" customHeight="1" x14ac:dyDescent="0.25">
      <c r="A30" s="87"/>
      <c r="B30" s="88"/>
      <c r="C30" s="88"/>
      <c r="D30" s="88"/>
      <c r="E30" s="88"/>
      <c r="F30" s="89"/>
      <c r="G30" s="90"/>
    </row>
    <row r="31" spans="1:7" s="9" customFormat="1" ht="19.5" customHeight="1" x14ac:dyDescent="0.2">
      <c r="A31" s="10"/>
      <c r="B31" s="9" t="s">
        <v>3</v>
      </c>
      <c r="E31" s="14"/>
      <c r="F31" s="14"/>
      <c r="G31" s="14"/>
    </row>
    <row r="32" spans="1:7" s="9" customFormat="1" ht="20.100000000000001" customHeight="1" x14ac:dyDescent="0.25">
      <c r="A32" s="13"/>
      <c r="B32" s="2" t="s">
        <v>4</v>
      </c>
      <c r="C32" s="2"/>
      <c r="D32" s="2"/>
      <c r="E32" s="14"/>
      <c r="F32" s="14"/>
      <c r="G32" s="14"/>
    </row>
    <row r="33" spans="1:8" ht="5.0999999999999996" customHeight="1" x14ac:dyDescent="0.2"/>
    <row r="34" spans="1:8" s="2" customFormat="1" ht="20.100000000000001" customHeight="1" x14ac:dyDescent="0.25">
      <c r="A34" s="173" t="s">
        <v>24</v>
      </c>
      <c r="B34" s="173"/>
      <c r="C34" s="173"/>
      <c r="D34" s="173"/>
      <c r="E34" s="173"/>
      <c r="F34" s="173"/>
      <c r="G34" s="173"/>
    </row>
    <row r="35" spans="1:8" s="2" customFormat="1" ht="5.0999999999999996" customHeight="1" thickBot="1" x14ac:dyDescent="0.3">
      <c r="A35" s="15"/>
      <c r="E35" s="6"/>
      <c r="F35" s="6"/>
      <c r="G35" s="6"/>
    </row>
    <row r="36" spans="1:8" s="3" customFormat="1" ht="93" customHeight="1" x14ac:dyDescent="0.25">
      <c r="A36" s="158" t="s">
        <v>0</v>
      </c>
      <c r="B36" s="159"/>
      <c r="C36" s="53"/>
      <c r="D36" s="53"/>
      <c r="E36" s="192" t="s">
        <v>26</v>
      </c>
      <c r="F36" s="193"/>
      <c r="G36" s="194"/>
      <c r="H36" s="24"/>
    </row>
    <row r="37" spans="1:8" s="3" customFormat="1" ht="30" customHeight="1" thickBot="1" x14ac:dyDescent="0.3">
      <c r="A37" s="190"/>
      <c r="B37" s="191"/>
      <c r="C37" s="54"/>
      <c r="D37" s="54"/>
      <c r="E37" s="25" t="s">
        <v>27</v>
      </c>
      <c r="F37" s="195" t="s">
        <v>28</v>
      </c>
      <c r="G37" s="196"/>
    </row>
    <row r="38" spans="1:8" s="26" customFormat="1" ht="24.95" customHeight="1" x14ac:dyDescent="0.25">
      <c r="A38" s="211" t="s">
        <v>67</v>
      </c>
      <c r="B38" s="212"/>
      <c r="C38" s="215" t="s">
        <v>62</v>
      </c>
      <c r="D38" s="215"/>
      <c r="E38" s="44"/>
      <c r="F38" s="44"/>
      <c r="G38" s="45"/>
    </row>
    <row r="39" spans="1:8" s="4" customFormat="1" ht="24.95" customHeight="1" x14ac:dyDescent="0.25">
      <c r="A39" s="213"/>
      <c r="B39" s="214"/>
      <c r="C39" s="85" t="s">
        <v>63</v>
      </c>
      <c r="D39" s="85" t="s">
        <v>64</v>
      </c>
      <c r="E39" s="47"/>
      <c r="F39" s="144"/>
      <c r="G39" s="145"/>
    </row>
    <row r="40" spans="1:8" s="4" customFormat="1" ht="24.95" customHeight="1" x14ac:dyDescent="0.25">
      <c r="A40" s="150" t="s">
        <v>68</v>
      </c>
      <c r="B40" s="151"/>
      <c r="C40" s="79"/>
      <c r="D40" s="79"/>
      <c r="E40" s="47"/>
      <c r="F40" s="144"/>
      <c r="G40" s="145"/>
    </row>
    <row r="41" spans="1:8" s="4" customFormat="1" ht="24.95" customHeight="1" x14ac:dyDescent="0.25">
      <c r="A41" s="71">
        <v>44562</v>
      </c>
      <c r="B41" s="77" t="s">
        <v>69</v>
      </c>
      <c r="C41" s="80"/>
      <c r="D41" s="80"/>
      <c r="E41" s="47"/>
      <c r="F41" s="144"/>
      <c r="G41" s="145"/>
    </row>
    <row r="42" spans="1:8" s="4" customFormat="1" ht="24.95" customHeight="1" x14ac:dyDescent="0.25">
      <c r="A42" s="71">
        <v>44593</v>
      </c>
      <c r="B42" s="78" t="s">
        <v>159</v>
      </c>
      <c r="C42" s="81"/>
      <c r="D42" s="81"/>
      <c r="E42" s="47"/>
      <c r="F42" s="144"/>
      <c r="G42" s="145"/>
    </row>
    <row r="43" spans="1:8" s="4" customFormat="1" ht="42.75" customHeight="1" x14ac:dyDescent="0.25">
      <c r="A43" s="71">
        <v>44621</v>
      </c>
      <c r="B43" s="78" t="s">
        <v>355</v>
      </c>
      <c r="C43" s="81"/>
      <c r="D43" s="81"/>
      <c r="E43" s="47"/>
      <c r="F43" s="146"/>
      <c r="G43" s="147"/>
    </row>
    <row r="44" spans="1:8" s="4" customFormat="1" ht="24.95" customHeight="1" x14ac:dyDescent="0.25">
      <c r="A44" s="71">
        <v>44652</v>
      </c>
      <c r="B44" s="78" t="s">
        <v>161</v>
      </c>
      <c r="C44" s="81"/>
      <c r="D44" s="81"/>
      <c r="E44" s="47"/>
      <c r="F44" s="146"/>
      <c r="G44" s="147"/>
    </row>
    <row r="45" spans="1:8" s="4" customFormat="1" ht="35.25" customHeight="1" x14ac:dyDescent="0.25">
      <c r="A45" s="71">
        <v>44682</v>
      </c>
      <c r="B45" s="78" t="s">
        <v>160</v>
      </c>
      <c r="C45" s="81"/>
      <c r="D45" s="81"/>
      <c r="E45" s="47"/>
      <c r="F45" s="146"/>
      <c r="G45" s="147"/>
    </row>
    <row r="46" spans="1:8" s="4" customFormat="1" ht="34.5" customHeight="1" x14ac:dyDescent="0.25">
      <c r="A46" s="71">
        <v>44713</v>
      </c>
      <c r="B46" s="78" t="s">
        <v>162</v>
      </c>
      <c r="C46" s="81"/>
      <c r="D46" s="81"/>
      <c r="E46" s="47"/>
      <c r="F46" s="146"/>
      <c r="G46" s="147"/>
    </row>
    <row r="47" spans="1:8" s="4" customFormat="1" ht="33.75" customHeight="1" x14ac:dyDescent="0.25">
      <c r="A47" s="71">
        <v>44743</v>
      </c>
      <c r="B47" s="78" t="s">
        <v>163</v>
      </c>
      <c r="C47" s="81"/>
      <c r="D47" s="81"/>
      <c r="E47" s="47"/>
      <c r="F47" s="146"/>
      <c r="G47" s="147"/>
    </row>
    <row r="48" spans="1:8" s="4" customFormat="1" ht="36" customHeight="1" x14ac:dyDescent="0.25">
      <c r="A48" s="71">
        <v>44774</v>
      </c>
      <c r="B48" s="78" t="s">
        <v>164</v>
      </c>
      <c r="C48" s="81"/>
      <c r="D48" s="81"/>
      <c r="E48" s="47"/>
      <c r="F48" s="146"/>
      <c r="G48" s="147"/>
    </row>
    <row r="49" spans="1:7" s="4" customFormat="1" ht="24.95" customHeight="1" x14ac:dyDescent="0.25">
      <c r="A49" s="71"/>
      <c r="B49" s="78" t="s">
        <v>165</v>
      </c>
      <c r="C49" s="81"/>
      <c r="D49" s="81"/>
      <c r="E49" s="47"/>
      <c r="F49" s="146"/>
      <c r="G49" s="147"/>
    </row>
    <row r="50" spans="1:7" s="4" customFormat="1" ht="32.25" customHeight="1" x14ac:dyDescent="0.25">
      <c r="A50" s="71"/>
      <c r="B50" s="78" t="s">
        <v>166</v>
      </c>
      <c r="C50" s="81"/>
      <c r="D50" s="81"/>
      <c r="E50" s="47"/>
      <c r="F50" s="146"/>
      <c r="G50" s="147"/>
    </row>
    <row r="51" spans="1:7" s="4" customFormat="1" ht="24.95" customHeight="1" x14ac:dyDescent="0.25">
      <c r="A51" s="150" t="s">
        <v>168</v>
      </c>
      <c r="B51" s="151"/>
      <c r="C51" s="59" t="s">
        <v>169</v>
      </c>
      <c r="D51" s="59"/>
      <c r="E51" s="47"/>
      <c r="F51" s="144"/>
      <c r="G51" s="145"/>
    </row>
    <row r="52" spans="1:7" s="4" customFormat="1" ht="24.95" customHeight="1" x14ac:dyDescent="0.25">
      <c r="A52" s="71">
        <v>44563</v>
      </c>
      <c r="B52" s="74" t="s">
        <v>167</v>
      </c>
      <c r="C52" s="82" t="s">
        <v>170</v>
      </c>
      <c r="D52" s="82" t="s">
        <v>171</v>
      </c>
      <c r="E52" s="47"/>
      <c r="F52" s="144"/>
      <c r="G52" s="145"/>
    </row>
    <row r="53" spans="1:7" s="4" customFormat="1" ht="24.95" customHeight="1" x14ac:dyDescent="0.25">
      <c r="A53" s="71">
        <v>44594</v>
      </c>
      <c r="B53" s="69" t="s">
        <v>172</v>
      </c>
      <c r="C53" s="62" t="s">
        <v>173</v>
      </c>
      <c r="D53" s="62"/>
      <c r="E53" s="47"/>
      <c r="F53" s="144"/>
      <c r="G53" s="145"/>
    </row>
    <row r="54" spans="1:7" s="4" customFormat="1" ht="24.95" customHeight="1" x14ac:dyDescent="0.25">
      <c r="A54" s="71">
        <v>44622</v>
      </c>
      <c r="B54" s="70" t="s">
        <v>339</v>
      </c>
      <c r="C54" s="62" t="s">
        <v>337</v>
      </c>
      <c r="D54" s="62" t="s">
        <v>338</v>
      </c>
      <c r="E54" s="47"/>
      <c r="F54" s="144"/>
      <c r="G54" s="145"/>
    </row>
    <row r="55" spans="1:7" s="4" customFormat="1" ht="24.95" customHeight="1" x14ac:dyDescent="0.25">
      <c r="A55" s="71">
        <v>44653</v>
      </c>
      <c r="B55" s="70" t="s">
        <v>174</v>
      </c>
      <c r="C55" s="62"/>
      <c r="D55" s="62"/>
      <c r="E55" s="47"/>
      <c r="F55" s="144"/>
      <c r="G55" s="145"/>
    </row>
    <row r="56" spans="1:7" s="4" customFormat="1" ht="24.95" customHeight="1" x14ac:dyDescent="0.25">
      <c r="A56" s="102">
        <v>44683</v>
      </c>
      <c r="B56" s="98" t="s">
        <v>175</v>
      </c>
      <c r="C56" s="62"/>
      <c r="D56" s="62"/>
      <c r="E56" s="47"/>
      <c r="F56" s="103"/>
      <c r="G56" s="104"/>
    </row>
    <row r="57" spans="1:7" s="4" customFormat="1" ht="27" customHeight="1" x14ac:dyDescent="0.25">
      <c r="A57" s="102">
        <v>44714</v>
      </c>
      <c r="B57" s="98" t="s">
        <v>176</v>
      </c>
      <c r="C57" s="62"/>
      <c r="D57" s="62"/>
      <c r="E57" s="47"/>
      <c r="F57" s="103"/>
      <c r="G57" s="104"/>
    </row>
    <row r="58" spans="1:7" s="4" customFormat="1" ht="24.95" customHeight="1" x14ac:dyDescent="0.25">
      <c r="A58" s="102">
        <v>44744</v>
      </c>
      <c r="B58" s="98" t="s">
        <v>177</v>
      </c>
      <c r="C58" s="62"/>
      <c r="D58" s="62"/>
      <c r="E58" s="47"/>
      <c r="F58" s="103"/>
      <c r="G58" s="104"/>
    </row>
    <row r="59" spans="1:7" s="4" customFormat="1" ht="24.95" customHeight="1" x14ac:dyDescent="0.25">
      <c r="A59" s="102">
        <v>44775</v>
      </c>
      <c r="B59" s="98" t="s">
        <v>178</v>
      </c>
      <c r="C59" s="62"/>
      <c r="D59" s="62"/>
      <c r="E59" s="47"/>
      <c r="F59" s="103"/>
      <c r="G59" s="104"/>
    </row>
    <row r="60" spans="1:7" s="4" customFormat="1" ht="24.95" customHeight="1" x14ac:dyDescent="0.25">
      <c r="A60" s="102"/>
      <c r="B60" s="98" t="s">
        <v>179</v>
      </c>
      <c r="C60" s="62"/>
      <c r="D60" s="62"/>
      <c r="E60" s="47"/>
      <c r="F60" s="103"/>
      <c r="G60" s="104"/>
    </row>
    <row r="61" spans="1:7" s="4" customFormat="1" ht="24.95" customHeight="1" x14ac:dyDescent="0.25">
      <c r="A61" s="150" t="s">
        <v>187</v>
      </c>
      <c r="B61" s="151"/>
      <c r="C61" s="59" t="s">
        <v>73</v>
      </c>
      <c r="D61" s="79"/>
      <c r="E61" s="47"/>
      <c r="F61" s="144"/>
      <c r="G61" s="145"/>
    </row>
    <row r="62" spans="1:7" s="4" customFormat="1" ht="24.95" customHeight="1" x14ac:dyDescent="0.25">
      <c r="A62" s="101">
        <v>44564</v>
      </c>
      <c r="B62" s="105" t="s">
        <v>180</v>
      </c>
      <c r="C62" s="59" t="s">
        <v>340</v>
      </c>
      <c r="D62" s="79"/>
      <c r="E62" s="47"/>
      <c r="F62" s="146"/>
      <c r="G62" s="147"/>
    </row>
    <row r="63" spans="1:7" s="4" customFormat="1" ht="24.95" customHeight="1" x14ac:dyDescent="0.25">
      <c r="A63" s="71">
        <v>44595</v>
      </c>
      <c r="B63" s="74" t="s">
        <v>71</v>
      </c>
      <c r="C63" s="82"/>
      <c r="D63" s="82" t="s">
        <v>70</v>
      </c>
      <c r="E63" s="47"/>
      <c r="F63" s="144"/>
      <c r="G63" s="145"/>
    </row>
    <row r="64" spans="1:7" s="4" customFormat="1" ht="24.95" customHeight="1" x14ac:dyDescent="0.25">
      <c r="A64" s="71">
        <v>44623</v>
      </c>
      <c r="B64" s="74" t="s">
        <v>182</v>
      </c>
      <c r="C64" s="82" t="s">
        <v>181</v>
      </c>
      <c r="D64" s="82"/>
      <c r="E64" s="47"/>
      <c r="F64" s="146"/>
      <c r="G64" s="147"/>
    </row>
    <row r="65" spans="1:7" s="4" customFormat="1" ht="24.95" customHeight="1" x14ac:dyDescent="0.25">
      <c r="A65" s="71">
        <v>44654</v>
      </c>
      <c r="B65" s="67" t="s">
        <v>72</v>
      </c>
      <c r="C65" s="66"/>
      <c r="D65" s="66" t="s">
        <v>341</v>
      </c>
      <c r="E65" s="47"/>
      <c r="F65" s="144"/>
      <c r="G65" s="145"/>
    </row>
    <row r="66" spans="1:7" s="4" customFormat="1" ht="24.95" customHeight="1" x14ac:dyDescent="0.25">
      <c r="A66" s="71">
        <v>44684</v>
      </c>
      <c r="B66" s="67" t="s">
        <v>183</v>
      </c>
      <c r="C66" s="66" t="s">
        <v>190</v>
      </c>
      <c r="D66" s="66"/>
      <c r="E66" s="47"/>
      <c r="F66" s="144"/>
      <c r="G66" s="145"/>
    </row>
    <row r="67" spans="1:7" s="4" customFormat="1" ht="24.95" customHeight="1" x14ac:dyDescent="0.25">
      <c r="A67" s="71">
        <v>44715</v>
      </c>
      <c r="B67" s="72" t="s">
        <v>184</v>
      </c>
      <c r="C67" s="61" t="s">
        <v>342</v>
      </c>
      <c r="D67" s="61"/>
      <c r="E67" s="47"/>
      <c r="F67" s="144"/>
      <c r="G67" s="145"/>
    </row>
    <row r="68" spans="1:7" s="4" customFormat="1" ht="24.95" customHeight="1" x14ac:dyDescent="0.25">
      <c r="A68" s="71">
        <v>44745</v>
      </c>
      <c r="B68" s="72" t="s">
        <v>185</v>
      </c>
      <c r="C68" s="61"/>
      <c r="D68" s="61"/>
      <c r="E68" s="47"/>
      <c r="F68" s="144"/>
      <c r="G68" s="145"/>
    </row>
    <row r="69" spans="1:7" s="4" customFormat="1" ht="24.95" customHeight="1" x14ac:dyDescent="0.25">
      <c r="A69" s="71">
        <v>44776</v>
      </c>
      <c r="B69" s="72" t="s">
        <v>354</v>
      </c>
      <c r="C69" s="61"/>
      <c r="D69" s="61"/>
      <c r="E69" s="47"/>
      <c r="F69" s="144"/>
      <c r="G69" s="145"/>
    </row>
    <row r="70" spans="1:7" s="4" customFormat="1" ht="24.95" customHeight="1" x14ac:dyDescent="0.25">
      <c r="A70" s="150" t="s">
        <v>186</v>
      </c>
      <c r="B70" s="151"/>
      <c r="C70" s="106" t="s">
        <v>75</v>
      </c>
      <c r="D70" s="76"/>
      <c r="E70" s="47"/>
      <c r="F70" s="144"/>
      <c r="G70" s="145"/>
    </row>
    <row r="71" spans="1:7" s="4" customFormat="1" ht="24.95" customHeight="1" x14ac:dyDescent="0.25">
      <c r="A71" s="71">
        <v>44565</v>
      </c>
      <c r="B71" s="68" t="s">
        <v>188</v>
      </c>
      <c r="C71" s="107" t="s">
        <v>189</v>
      </c>
      <c r="D71" s="73"/>
      <c r="E71" s="47"/>
      <c r="F71" s="144"/>
      <c r="G71" s="145"/>
    </row>
    <row r="72" spans="1:7" s="4" customFormat="1" ht="24.95" customHeight="1" x14ac:dyDescent="0.25">
      <c r="A72" s="71">
        <v>44596</v>
      </c>
      <c r="B72" s="67" t="s">
        <v>192</v>
      </c>
      <c r="C72" s="66" t="s">
        <v>191</v>
      </c>
      <c r="D72" s="66"/>
      <c r="E72" s="47"/>
      <c r="F72" s="144"/>
      <c r="G72" s="145"/>
    </row>
    <row r="73" spans="1:7" s="4" customFormat="1" ht="24.95" customHeight="1" x14ac:dyDescent="0.25">
      <c r="A73" s="71">
        <v>44624</v>
      </c>
      <c r="B73" s="58" t="s">
        <v>76</v>
      </c>
      <c r="C73" s="61" t="s">
        <v>343</v>
      </c>
      <c r="D73" s="61"/>
      <c r="E73" s="47"/>
      <c r="F73" s="144"/>
      <c r="G73" s="145"/>
    </row>
    <row r="74" spans="1:7" s="4" customFormat="1" ht="24.95" customHeight="1" x14ac:dyDescent="0.25">
      <c r="A74" s="71">
        <v>44655</v>
      </c>
      <c r="B74" s="60" t="s">
        <v>193</v>
      </c>
      <c r="C74" s="59" t="s">
        <v>344</v>
      </c>
      <c r="D74" s="59"/>
      <c r="E74" s="47"/>
      <c r="F74" s="144"/>
      <c r="G74" s="145"/>
    </row>
    <row r="75" spans="1:7" s="4" customFormat="1" ht="24.95" customHeight="1" x14ac:dyDescent="0.25">
      <c r="A75" s="71">
        <v>44685</v>
      </c>
      <c r="B75" s="60" t="s">
        <v>74</v>
      </c>
      <c r="C75" s="59"/>
      <c r="D75" s="59"/>
      <c r="E75" s="47"/>
      <c r="F75" s="144"/>
      <c r="G75" s="145"/>
    </row>
    <row r="76" spans="1:7" s="4" customFormat="1" ht="24.95" customHeight="1" x14ac:dyDescent="0.25">
      <c r="A76" s="150" t="s">
        <v>194</v>
      </c>
      <c r="B76" s="151"/>
      <c r="C76" s="59" t="s">
        <v>195</v>
      </c>
      <c r="D76" s="79"/>
      <c r="E76" s="47"/>
      <c r="F76" s="144"/>
      <c r="G76" s="145"/>
    </row>
    <row r="77" spans="1:7" s="4" customFormat="1" ht="24.95" customHeight="1" x14ac:dyDescent="0.25">
      <c r="A77" s="99">
        <v>44566</v>
      </c>
      <c r="B77" s="75" t="s">
        <v>196</v>
      </c>
      <c r="C77" s="61"/>
      <c r="D77" s="61" t="s">
        <v>197</v>
      </c>
      <c r="E77" s="47"/>
      <c r="F77" s="144"/>
      <c r="G77" s="145"/>
    </row>
    <row r="78" spans="1:7" s="4" customFormat="1" ht="24.95" customHeight="1" x14ac:dyDescent="0.25">
      <c r="A78" s="71">
        <v>44597</v>
      </c>
      <c r="B78" s="70" t="s">
        <v>198</v>
      </c>
      <c r="C78" s="106" t="s">
        <v>199</v>
      </c>
      <c r="D78" s="76"/>
      <c r="E78" s="47"/>
      <c r="F78" s="144"/>
      <c r="G78" s="145"/>
    </row>
    <row r="79" spans="1:7" s="4" customFormat="1" ht="24.95" customHeight="1" x14ac:dyDescent="0.25">
      <c r="A79" s="71">
        <v>44625</v>
      </c>
      <c r="B79" s="70" t="s">
        <v>200</v>
      </c>
      <c r="C79" s="107" t="s">
        <v>201</v>
      </c>
      <c r="D79" s="73"/>
      <c r="E79" s="47"/>
      <c r="F79" s="144"/>
      <c r="G79" s="145"/>
    </row>
    <row r="80" spans="1:7" s="4" customFormat="1" ht="24.95" customHeight="1" x14ac:dyDescent="0.25">
      <c r="A80" s="71">
        <v>44656</v>
      </c>
      <c r="B80" s="98" t="s">
        <v>202</v>
      </c>
      <c r="C80" s="107" t="s">
        <v>203</v>
      </c>
      <c r="D80" s="73"/>
      <c r="E80" s="47"/>
      <c r="F80" s="146"/>
      <c r="G80" s="147"/>
    </row>
    <row r="81" spans="1:7" s="4" customFormat="1" ht="24.95" customHeight="1" x14ac:dyDescent="0.25">
      <c r="A81" s="71">
        <v>44686</v>
      </c>
      <c r="B81" s="98" t="s">
        <v>204</v>
      </c>
      <c r="C81" s="107" t="s">
        <v>205</v>
      </c>
      <c r="D81" s="73"/>
      <c r="E81" s="47"/>
      <c r="F81" s="146"/>
      <c r="G81" s="147"/>
    </row>
    <row r="82" spans="1:7" s="4" customFormat="1" ht="24.95" customHeight="1" x14ac:dyDescent="0.25">
      <c r="A82" s="71">
        <v>44656</v>
      </c>
      <c r="B82" s="70" t="s">
        <v>206</v>
      </c>
      <c r="C82" s="62" t="s">
        <v>345</v>
      </c>
      <c r="D82" s="83"/>
      <c r="E82" s="47"/>
      <c r="F82" s="144"/>
      <c r="G82" s="145"/>
    </row>
    <row r="83" spans="1:7" s="4" customFormat="1" ht="24.95" customHeight="1" x14ac:dyDescent="0.25">
      <c r="A83" s="71">
        <v>44686</v>
      </c>
      <c r="B83" s="70" t="s">
        <v>207</v>
      </c>
      <c r="C83" s="62" t="s">
        <v>346</v>
      </c>
      <c r="D83" s="83"/>
      <c r="E83" s="47"/>
      <c r="F83" s="144"/>
      <c r="G83" s="145"/>
    </row>
    <row r="84" spans="1:7" s="4" customFormat="1" ht="24.95" customHeight="1" x14ac:dyDescent="0.25">
      <c r="A84" s="71">
        <v>44717</v>
      </c>
      <c r="B84" s="70" t="s">
        <v>208</v>
      </c>
      <c r="C84" s="62" t="s">
        <v>353</v>
      </c>
      <c r="D84" s="83"/>
      <c r="E84" s="47"/>
      <c r="F84" s="144"/>
      <c r="G84" s="145"/>
    </row>
    <row r="85" spans="1:7" s="4" customFormat="1" ht="27" customHeight="1" x14ac:dyDescent="0.25">
      <c r="A85" s="150" t="s">
        <v>209</v>
      </c>
      <c r="B85" s="151"/>
      <c r="C85" s="16" t="s">
        <v>347</v>
      </c>
      <c r="D85" s="79"/>
      <c r="E85" s="47"/>
      <c r="F85" s="144"/>
      <c r="G85" s="145"/>
    </row>
    <row r="86" spans="1:7" s="4" customFormat="1" ht="24.95" customHeight="1" x14ac:dyDescent="0.25">
      <c r="A86" s="71">
        <v>44567</v>
      </c>
      <c r="B86" s="72" t="s">
        <v>211</v>
      </c>
      <c r="C86" s="61" t="s">
        <v>210</v>
      </c>
      <c r="D86" s="61"/>
      <c r="E86" s="47"/>
      <c r="F86" s="144"/>
      <c r="G86" s="145"/>
    </row>
    <row r="87" spans="1:7" s="4" customFormat="1" ht="24.95" customHeight="1" x14ac:dyDescent="0.25">
      <c r="A87" s="71">
        <v>44598</v>
      </c>
      <c r="B87" s="72" t="s">
        <v>348</v>
      </c>
      <c r="C87" s="61" t="s">
        <v>212</v>
      </c>
      <c r="D87" s="61"/>
      <c r="E87" s="47"/>
      <c r="F87" s="144"/>
      <c r="G87" s="145"/>
    </row>
    <row r="88" spans="1:7" s="4" customFormat="1" ht="24.95" customHeight="1" x14ac:dyDescent="0.25">
      <c r="A88" s="71">
        <v>44626</v>
      </c>
      <c r="B88" s="72" t="s">
        <v>196</v>
      </c>
      <c r="C88" s="61"/>
      <c r="D88" s="61" t="s">
        <v>213</v>
      </c>
      <c r="E88" s="47"/>
      <c r="F88" s="144"/>
      <c r="G88" s="145"/>
    </row>
    <row r="89" spans="1:7" s="4" customFormat="1" ht="24.95" customHeight="1" x14ac:dyDescent="0.25">
      <c r="A89" s="71">
        <v>44657</v>
      </c>
      <c r="B89" s="72" t="s">
        <v>198</v>
      </c>
      <c r="C89" s="61" t="s">
        <v>214</v>
      </c>
      <c r="D89" s="61"/>
      <c r="E89" s="47"/>
      <c r="F89" s="144"/>
      <c r="G89" s="145"/>
    </row>
    <row r="90" spans="1:7" s="4" customFormat="1" ht="25.5" customHeight="1" x14ac:dyDescent="0.25">
      <c r="A90" s="150" t="s">
        <v>215</v>
      </c>
      <c r="B90" s="151"/>
      <c r="C90" s="108" t="s">
        <v>349</v>
      </c>
      <c r="D90" s="84"/>
      <c r="E90" s="47"/>
      <c r="F90" s="144"/>
      <c r="G90" s="145"/>
    </row>
    <row r="91" spans="1:7" s="4" customFormat="1" ht="25.5" customHeight="1" x14ac:dyDescent="0.25">
      <c r="A91" s="71">
        <v>44569</v>
      </c>
      <c r="B91" s="70" t="s">
        <v>350</v>
      </c>
      <c r="C91" s="62"/>
      <c r="D91" s="83"/>
      <c r="E91" s="47"/>
      <c r="F91" s="144"/>
      <c r="G91" s="145"/>
    </row>
    <row r="92" spans="1:7" s="4" customFormat="1" ht="25.5" customHeight="1" x14ac:dyDescent="0.25">
      <c r="A92" s="71">
        <v>44600</v>
      </c>
      <c r="B92" s="70" t="s">
        <v>352</v>
      </c>
      <c r="C92" s="62" t="s">
        <v>351</v>
      </c>
      <c r="D92" s="83"/>
      <c r="E92" s="47"/>
      <c r="F92" s="144"/>
      <c r="G92" s="145"/>
    </row>
    <row r="93" spans="1:7" s="4" customFormat="1" ht="25.5" customHeight="1" x14ac:dyDescent="0.25">
      <c r="A93" s="71">
        <v>44628</v>
      </c>
      <c r="B93" s="70" t="s">
        <v>216</v>
      </c>
      <c r="C93" s="62"/>
      <c r="D93" s="62" t="s">
        <v>217</v>
      </c>
      <c r="E93" s="47"/>
      <c r="F93" s="144"/>
      <c r="G93" s="145"/>
    </row>
    <row r="94" spans="1:7" s="4" customFormat="1" ht="25.5" customHeight="1" x14ac:dyDescent="0.25">
      <c r="A94" s="71">
        <v>44659</v>
      </c>
      <c r="B94" s="70" t="s">
        <v>218</v>
      </c>
      <c r="C94" s="62"/>
      <c r="D94" s="83"/>
      <c r="E94" s="47"/>
      <c r="F94" s="144"/>
      <c r="G94" s="145"/>
    </row>
    <row r="95" spans="1:7" s="4" customFormat="1" ht="25.5" customHeight="1" x14ac:dyDescent="0.25">
      <c r="A95" s="167" t="s">
        <v>223</v>
      </c>
      <c r="B95" s="168"/>
      <c r="C95" s="127"/>
      <c r="D95" s="128"/>
      <c r="E95" s="129"/>
      <c r="F95" s="148"/>
      <c r="G95" s="149"/>
    </row>
    <row r="96" spans="1:7" s="4" customFormat="1" ht="25.5" customHeight="1" x14ac:dyDescent="0.25">
      <c r="A96" s="245" t="s">
        <v>231</v>
      </c>
      <c r="B96" s="246"/>
      <c r="C96" s="138"/>
      <c r="D96" s="139"/>
      <c r="E96" s="140"/>
      <c r="F96" s="169"/>
      <c r="G96" s="170"/>
    </row>
    <row r="97" spans="1:7" s="4" customFormat="1" ht="25.5" customHeight="1" x14ac:dyDescent="0.25">
      <c r="A97" s="247" t="s">
        <v>232</v>
      </c>
      <c r="B97" s="248"/>
      <c r="C97" s="127"/>
      <c r="D97" s="128"/>
      <c r="E97" s="131"/>
      <c r="F97" s="148"/>
      <c r="G97" s="149"/>
    </row>
    <row r="98" spans="1:7" s="4" customFormat="1" ht="31.5" customHeight="1" x14ac:dyDescent="0.25">
      <c r="A98" s="132" t="s">
        <v>82</v>
      </c>
      <c r="B98" s="135" t="s">
        <v>233</v>
      </c>
      <c r="C98" s="127"/>
      <c r="D98" s="128"/>
      <c r="E98" s="131"/>
      <c r="F98" s="148"/>
      <c r="G98" s="149"/>
    </row>
    <row r="99" spans="1:7" s="4" customFormat="1" ht="30.75" customHeight="1" x14ac:dyDescent="0.25">
      <c r="A99" s="133">
        <v>44562</v>
      </c>
      <c r="B99" s="135" t="s">
        <v>235</v>
      </c>
      <c r="C99" s="127"/>
      <c r="D99" s="128"/>
      <c r="E99" s="131"/>
      <c r="F99" s="148"/>
      <c r="G99" s="149"/>
    </row>
    <row r="100" spans="1:7" s="4" customFormat="1" ht="27.75" customHeight="1" x14ac:dyDescent="0.25">
      <c r="A100" s="133">
        <v>44593</v>
      </c>
      <c r="B100" s="135" t="s">
        <v>236</v>
      </c>
      <c r="C100" s="127"/>
      <c r="D100" s="128"/>
      <c r="E100" s="131"/>
      <c r="F100" s="148"/>
      <c r="G100" s="149"/>
    </row>
    <row r="101" spans="1:7" s="4" customFormat="1" ht="25.5" customHeight="1" x14ac:dyDescent="0.25">
      <c r="A101" s="132" t="s">
        <v>83</v>
      </c>
      <c r="B101" s="134" t="s">
        <v>234</v>
      </c>
      <c r="C101" s="127"/>
      <c r="D101" s="128"/>
      <c r="E101" s="131"/>
      <c r="F101" s="148"/>
      <c r="G101" s="149"/>
    </row>
    <row r="102" spans="1:7" s="4" customFormat="1" ht="25.5" customHeight="1" x14ac:dyDescent="0.25">
      <c r="A102" s="132" t="s">
        <v>96</v>
      </c>
      <c r="B102" s="134" t="s">
        <v>238</v>
      </c>
      <c r="C102" s="127"/>
      <c r="D102" s="128"/>
      <c r="E102" s="131"/>
      <c r="F102" s="148"/>
      <c r="G102" s="149"/>
    </row>
    <row r="103" spans="1:7" s="4" customFormat="1" ht="25.5" customHeight="1" x14ac:dyDescent="0.25">
      <c r="A103" s="132" t="s">
        <v>97</v>
      </c>
      <c r="B103" s="134" t="s">
        <v>237</v>
      </c>
      <c r="C103" s="127"/>
      <c r="D103" s="128"/>
      <c r="E103" s="131"/>
      <c r="F103" s="148"/>
      <c r="G103" s="149"/>
    </row>
    <row r="104" spans="1:7" s="4" customFormat="1" ht="25.5" customHeight="1" x14ac:dyDescent="0.25">
      <c r="A104" s="132" t="s">
        <v>98</v>
      </c>
      <c r="B104" s="134" t="s">
        <v>239</v>
      </c>
      <c r="C104" s="127"/>
      <c r="D104" s="128"/>
      <c r="E104" s="131"/>
      <c r="F104" s="148"/>
      <c r="G104" s="149"/>
    </row>
    <row r="105" spans="1:7" s="4" customFormat="1" ht="50.25" customHeight="1" x14ac:dyDescent="0.25">
      <c r="A105" s="133">
        <v>44566</v>
      </c>
      <c r="B105" s="135" t="s">
        <v>240</v>
      </c>
      <c r="C105" s="127"/>
      <c r="D105" s="128"/>
      <c r="E105" s="131"/>
      <c r="F105" s="148"/>
      <c r="G105" s="149"/>
    </row>
    <row r="106" spans="1:7" s="4" customFormat="1" ht="32.25" customHeight="1" x14ac:dyDescent="0.25">
      <c r="A106" s="133">
        <v>44597</v>
      </c>
      <c r="B106" s="135" t="s">
        <v>236</v>
      </c>
      <c r="C106" s="127"/>
      <c r="D106" s="128"/>
      <c r="E106" s="131"/>
      <c r="F106" s="148"/>
      <c r="G106" s="149"/>
    </row>
    <row r="107" spans="1:7" s="4" customFormat="1" ht="32.25" customHeight="1" x14ac:dyDescent="0.25">
      <c r="A107" s="132" t="s">
        <v>99</v>
      </c>
      <c r="B107" s="135" t="s">
        <v>241</v>
      </c>
      <c r="C107" s="127"/>
      <c r="D107" s="128"/>
      <c r="E107" s="131"/>
      <c r="F107" s="148"/>
      <c r="G107" s="149"/>
    </row>
    <row r="108" spans="1:7" s="4" customFormat="1" ht="25.5" customHeight="1" x14ac:dyDescent="0.25">
      <c r="A108" s="132" t="s">
        <v>100</v>
      </c>
      <c r="B108" s="134" t="s">
        <v>242</v>
      </c>
      <c r="C108" s="127"/>
      <c r="D108" s="128"/>
      <c r="E108" s="131"/>
      <c r="F108" s="148"/>
      <c r="G108" s="149"/>
    </row>
    <row r="109" spans="1:7" s="3" customFormat="1" ht="21" customHeight="1" x14ac:dyDescent="0.25">
      <c r="A109" s="5"/>
      <c r="B109" s="5"/>
      <c r="C109" s="5"/>
      <c r="D109" s="5"/>
      <c r="E109" s="7"/>
      <c r="F109" s="7"/>
      <c r="G109" s="27"/>
    </row>
    <row r="110" spans="1:7" s="2" customFormat="1" ht="20.100000000000001" customHeight="1" x14ac:dyDescent="0.25">
      <c r="A110" s="173" t="s">
        <v>49</v>
      </c>
      <c r="B110" s="173"/>
      <c r="C110" s="173"/>
      <c r="D110" s="173"/>
      <c r="E110" s="173"/>
      <c r="F110" s="173"/>
      <c r="G110" s="173"/>
    </row>
    <row r="111" spans="1:7" s="2" customFormat="1" ht="5.0999999999999996" customHeight="1" thickBot="1" x14ac:dyDescent="0.3">
      <c r="A111" s="15"/>
      <c r="E111" s="6"/>
      <c r="F111" s="6"/>
      <c r="G111" s="6"/>
    </row>
    <row r="112" spans="1:7" s="3" customFormat="1" ht="69" customHeight="1" x14ac:dyDescent="0.25">
      <c r="A112" s="158" t="s">
        <v>8</v>
      </c>
      <c r="B112" s="159"/>
      <c r="C112" s="159"/>
      <c r="D112" s="160"/>
      <c r="E112" s="207" t="s">
        <v>29</v>
      </c>
      <c r="F112" s="207"/>
      <c r="G112" s="208"/>
    </row>
    <row r="113" spans="1:7" s="3" customFormat="1" ht="30" customHeight="1" thickBot="1" x14ac:dyDescent="0.3">
      <c r="A113" s="161"/>
      <c r="B113" s="162"/>
      <c r="C113" s="162"/>
      <c r="D113" s="163"/>
      <c r="E113" s="63" t="s">
        <v>7</v>
      </c>
      <c r="F113" s="209" t="s">
        <v>30</v>
      </c>
      <c r="G113" s="210"/>
    </row>
    <row r="114" spans="1:7" s="2" customFormat="1" ht="21" customHeight="1" x14ac:dyDescent="0.25">
      <c r="A114" s="91" t="s">
        <v>82</v>
      </c>
      <c r="B114" s="164" t="s">
        <v>243</v>
      </c>
      <c r="C114" s="165"/>
      <c r="D114" s="166"/>
      <c r="E114" s="42"/>
      <c r="F114" s="142"/>
      <c r="G114" s="143"/>
    </row>
    <row r="115" spans="1:7" s="2" customFormat="1" ht="22.5" customHeight="1" x14ac:dyDescent="0.25">
      <c r="A115" s="95" t="s">
        <v>83</v>
      </c>
      <c r="B115" s="152" t="s">
        <v>135</v>
      </c>
      <c r="C115" s="153"/>
      <c r="D115" s="154"/>
      <c r="E115" s="42"/>
      <c r="F115" s="171"/>
      <c r="G115" s="172"/>
    </row>
    <row r="116" spans="1:7" s="2" customFormat="1" ht="24" customHeight="1" x14ac:dyDescent="0.25">
      <c r="A116" s="96" t="s">
        <v>86</v>
      </c>
      <c r="B116" s="155" t="s">
        <v>156</v>
      </c>
      <c r="C116" s="156"/>
      <c r="D116" s="157"/>
      <c r="E116" s="94"/>
      <c r="F116" s="171"/>
      <c r="G116" s="172"/>
    </row>
    <row r="117" spans="1:7" s="2" customFormat="1" ht="21" customHeight="1" x14ac:dyDescent="0.25">
      <c r="A117" s="96" t="s">
        <v>87</v>
      </c>
      <c r="B117" s="174" t="s">
        <v>84</v>
      </c>
      <c r="C117" s="175"/>
      <c r="D117" s="176"/>
      <c r="E117" s="42"/>
      <c r="F117" s="171"/>
      <c r="G117" s="172"/>
    </row>
    <row r="118" spans="1:7" s="2" customFormat="1" ht="21" customHeight="1" x14ac:dyDescent="0.25">
      <c r="A118" s="96" t="s">
        <v>88</v>
      </c>
      <c r="B118" s="174" t="s">
        <v>85</v>
      </c>
      <c r="C118" s="175"/>
      <c r="D118" s="176"/>
      <c r="E118" s="42"/>
      <c r="F118" s="171"/>
      <c r="G118" s="172"/>
    </row>
    <row r="119" spans="1:7" s="2" customFormat="1" ht="40.5" customHeight="1" x14ac:dyDescent="0.25">
      <c r="A119" s="96" t="s">
        <v>89</v>
      </c>
      <c r="B119" s="174" t="s">
        <v>133</v>
      </c>
      <c r="C119" s="175"/>
      <c r="D119" s="176"/>
      <c r="E119" s="42"/>
      <c r="F119" s="171"/>
      <c r="G119" s="172"/>
    </row>
    <row r="120" spans="1:7" s="2" customFormat="1" ht="31.5" customHeight="1" x14ac:dyDescent="0.25">
      <c r="A120" s="96" t="s">
        <v>90</v>
      </c>
      <c r="B120" s="174" t="s">
        <v>134</v>
      </c>
      <c r="C120" s="175"/>
      <c r="D120" s="176"/>
      <c r="E120" s="94"/>
      <c r="F120" s="171"/>
      <c r="G120" s="172"/>
    </row>
    <row r="121" spans="1:7" s="2" customFormat="1" ht="108" customHeight="1" x14ac:dyDescent="0.25">
      <c r="A121" s="97" t="s">
        <v>91</v>
      </c>
      <c r="B121" s="177" t="s">
        <v>136</v>
      </c>
      <c r="C121" s="178"/>
      <c r="D121" s="179"/>
      <c r="E121" s="42"/>
      <c r="F121" s="171"/>
      <c r="G121" s="172"/>
    </row>
    <row r="122" spans="1:7" s="2" customFormat="1" ht="32.25" customHeight="1" x14ac:dyDescent="0.25">
      <c r="A122" s="92" t="s">
        <v>96</v>
      </c>
      <c r="B122" s="152" t="s">
        <v>157</v>
      </c>
      <c r="C122" s="153"/>
      <c r="D122" s="154"/>
      <c r="E122" s="42"/>
      <c r="F122" s="142"/>
      <c r="G122" s="143"/>
    </row>
    <row r="123" spans="1:7" s="2" customFormat="1" ht="55.5" customHeight="1" x14ac:dyDescent="0.25">
      <c r="A123" s="92" t="s">
        <v>97</v>
      </c>
      <c r="B123" s="180" t="s">
        <v>227</v>
      </c>
      <c r="C123" s="181"/>
      <c r="D123" s="182"/>
      <c r="E123" s="42"/>
      <c r="F123" s="142"/>
      <c r="G123" s="143"/>
    </row>
    <row r="124" spans="1:7" s="2" customFormat="1" ht="72" customHeight="1" x14ac:dyDescent="0.25">
      <c r="A124" s="93" t="s">
        <v>98</v>
      </c>
      <c r="B124" s="152" t="s">
        <v>137</v>
      </c>
      <c r="C124" s="153" t="s">
        <v>92</v>
      </c>
      <c r="D124" s="154" t="s">
        <v>92</v>
      </c>
      <c r="E124" s="42"/>
      <c r="F124" s="142"/>
      <c r="G124" s="143"/>
    </row>
    <row r="125" spans="1:7" s="2" customFormat="1" ht="50.25" customHeight="1" x14ac:dyDescent="0.25">
      <c r="A125" s="92" t="s">
        <v>99</v>
      </c>
      <c r="B125" s="152" t="s">
        <v>158</v>
      </c>
      <c r="C125" s="153" t="s">
        <v>93</v>
      </c>
      <c r="D125" s="154" t="s">
        <v>93</v>
      </c>
      <c r="E125" s="42"/>
      <c r="F125" s="142"/>
      <c r="G125" s="143"/>
    </row>
    <row r="126" spans="1:7" s="2" customFormat="1" ht="48" customHeight="1" x14ac:dyDescent="0.25">
      <c r="A126" s="92" t="s">
        <v>100</v>
      </c>
      <c r="B126" s="152" t="s">
        <v>138</v>
      </c>
      <c r="C126" s="153" t="s">
        <v>94</v>
      </c>
      <c r="D126" s="154" t="s">
        <v>94</v>
      </c>
      <c r="E126" s="42"/>
      <c r="F126" s="142"/>
      <c r="G126" s="143"/>
    </row>
    <row r="127" spans="1:7" s="2" customFormat="1" ht="66.75" customHeight="1" x14ac:dyDescent="0.25">
      <c r="A127" s="92" t="s">
        <v>105</v>
      </c>
      <c r="B127" s="152" t="s">
        <v>244</v>
      </c>
      <c r="C127" s="153" t="s">
        <v>95</v>
      </c>
      <c r="D127" s="154" t="s">
        <v>95</v>
      </c>
      <c r="E127" s="42"/>
      <c r="F127" s="142"/>
      <c r="G127" s="143"/>
    </row>
    <row r="128" spans="1:7" s="2" customFormat="1" ht="64.5" customHeight="1" x14ac:dyDescent="0.25">
      <c r="A128" s="92" t="s">
        <v>106</v>
      </c>
      <c r="B128" s="152" t="s">
        <v>140</v>
      </c>
      <c r="C128" s="153" t="s">
        <v>101</v>
      </c>
      <c r="D128" s="154" t="s">
        <v>101</v>
      </c>
      <c r="E128" s="42"/>
      <c r="F128" s="142"/>
      <c r="G128" s="143"/>
    </row>
    <row r="129" spans="1:7" s="2" customFormat="1" ht="27.75" customHeight="1" x14ac:dyDescent="0.25">
      <c r="A129" s="136" t="s">
        <v>245</v>
      </c>
      <c r="B129" s="152" t="s">
        <v>141</v>
      </c>
      <c r="C129" s="153"/>
      <c r="D129" s="154"/>
      <c r="E129" s="42"/>
      <c r="F129" s="142"/>
      <c r="G129" s="143"/>
    </row>
    <row r="130" spans="1:7" s="2" customFormat="1" ht="36" customHeight="1" x14ac:dyDescent="0.25">
      <c r="A130" s="136" t="s">
        <v>246</v>
      </c>
      <c r="B130" s="152" t="s">
        <v>113</v>
      </c>
      <c r="C130" s="153"/>
      <c r="D130" s="154"/>
      <c r="E130" s="42"/>
      <c r="F130" s="142"/>
      <c r="G130" s="143"/>
    </row>
    <row r="131" spans="1:7" s="2" customFormat="1" ht="40.5" customHeight="1" x14ac:dyDescent="0.25">
      <c r="A131" s="136" t="s">
        <v>247</v>
      </c>
      <c r="B131" s="152" t="s">
        <v>142</v>
      </c>
      <c r="C131" s="153"/>
      <c r="D131" s="154"/>
      <c r="E131" s="42"/>
      <c r="F131" s="142"/>
      <c r="G131" s="143"/>
    </row>
    <row r="132" spans="1:7" s="2" customFormat="1" ht="24.75" customHeight="1" x14ac:dyDescent="0.25">
      <c r="A132" s="136" t="s">
        <v>248</v>
      </c>
      <c r="B132" s="152" t="s">
        <v>143</v>
      </c>
      <c r="C132" s="153"/>
      <c r="D132" s="154"/>
      <c r="E132" s="42"/>
      <c r="F132" s="142"/>
      <c r="G132" s="143"/>
    </row>
    <row r="133" spans="1:7" s="2" customFormat="1" ht="30" customHeight="1" x14ac:dyDescent="0.25">
      <c r="A133" s="136" t="s">
        <v>249</v>
      </c>
      <c r="B133" s="152" t="s">
        <v>144</v>
      </c>
      <c r="C133" s="153"/>
      <c r="D133" s="154"/>
      <c r="E133" s="42"/>
      <c r="F133" s="142"/>
      <c r="G133" s="143"/>
    </row>
    <row r="134" spans="1:7" s="2" customFormat="1" ht="48" customHeight="1" x14ac:dyDescent="0.25">
      <c r="A134" s="136" t="s">
        <v>250</v>
      </c>
      <c r="B134" s="152" t="s">
        <v>225</v>
      </c>
      <c r="C134" s="153"/>
      <c r="D134" s="154"/>
      <c r="E134" s="42"/>
      <c r="F134" s="142"/>
      <c r="G134" s="143"/>
    </row>
    <row r="135" spans="1:7" s="2" customFormat="1" ht="23.25" customHeight="1" x14ac:dyDescent="0.25">
      <c r="A135" s="136" t="s">
        <v>251</v>
      </c>
      <c r="B135" s="152" t="s">
        <v>114</v>
      </c>
      <c r="C135" s="153"/>
      <c r="D135" s="154"/>
      <c r="E135" s="42"/>
      <c r="F135" s="142"/>
      <c r="G135" s="143"/>
    </row>
    <row r="136" spans="1:7" s="2" customFormat="1" ht="24.75" customHeight="1" x14ac:dyDescent="0.25">
      <c r="A136" s="136" t="s">
        <v>252</v>
      </c>
      <c r="B136" s="152" t="s">
        <v>145</v>
      </c>
      <c r="C136" s="153"/>
      <c r="D136" s="154"/>
      <c r="E136" s="42"/>
      <c r="F136" s="142"/>
      <c r="G136" s="143"/>
    </row>
    <row r="137" spans="1:7" s="2" customFormat="1" ht="31.5" customHeight="1" x14ac:dyDescent="0.25">
      <c r="A137" s="136" t="s">
        <v>253</v>
      </c>
      <c r="B137" s="152" t="s">
        <v>146</v>
      </c>
      <c r="C137" s="153"/>
      <c r="D137" s="154"/>
      <c r="E137" s="42"/>
      <c r="F137" s="142"/>
      <c r="G137" s="143"/>
    </row>
    <row r="138" spans="1:7" s="2" customFormat="1" ht="40.5" customHeight="1" x14ac:dyDescent="0.25">
      <c r="A138" s="136" t="s">
        <v>254</v>
      </c>
      <c r="B138" s="152" t="s">
        <v>224</v>
      </c>
      <c r="C138" s="153"/>
      <c r="D138" s="154"/>
      <c r="E138" s="42"/>
      <c r="F138" s="142"/>
      <c r="G138" s="143"/>
    </row>
    <row r="139" spans="1:7" s="2" customFormat="1" ht="41.25" customHeight="1" x14ac:dyDescent="0.25">
      <c r="A139" s="92" t="s">
        <v>107</v>
      </c>
      <c r="B139" s="152" t="s">
        <v>154</v>
      </c>
      <c r="C139" s="153" t="s">
        <v>102</v>
      </c>
      <c r="D139" s="154" t="s">
        <v>102</v>
      </c>
      <c r="E139" s="42"/>
      <c r="F139" s="142"/>
      <c r="G139" s="143"/>
    </row>
    <row r="140" spans="1:7" s="2" customFormat="1" ht="53.25" customHeight="1" x14ac:dyDescent="0.25">
      <c r="A140" s="137" t="s">
        <v>255</v>
      </c>
      <c r="B140" s="152" t="s">
        <v>147</v>
      </c>
      <c r="C140" s="153" t="s">
        <v>103</v>
      </c>
      <c r="D140" s="154" t="s">
        <v>103</v>
      </c>
      <c r="E140" s="42"/>
      <c r="F140" s="142"/>
      <c r="G140" s="143"/>
    </row>
    <row r="141" spans="1:7" s="2" customFormat="1" ht="26.25" customHeight="1" x14ac:dyDescent="0.25">
      <c r="A141" s="130" t="s">
        <v>108</v>
      </c>
      <c r="B141" s="152" t="s">
        <v>115</v>
      </c>
      <c r="C141" s="153"/>
      <c r="D141" s="154"/>
      <c r="E141" s="42"/>
      <c r="F141" s="142"/>
      <c r="G141" s="143"/>
    </row>
    <row r="142" spans="1:7" s="2" customFormat="1" ht="25.5" customHeight="1" x14ac:dyDescent="0.25">
      <c r="A142" s="137" t="s">
        <v>256</v>
      </c>
      <c r="B142" s="152" t="s">
        <v>152</v>
      </c>
      <c r="C142" s="153"/>
      <c r="D142" s="154"/>
      <c r="E142" s="42"/>
      <c r="F142" s="142"/>
      <c r="G142" s="143"/>
    </row>
    <row r="143" spans="1:7" s="2" customFormat="1" ht="23.25" customHeight="1" x14ac:dyDescent="0.25">
      <c r="A143" s="137" t="s">
        <v>259</v>
      </c>
      <c r="B143" s="152" t="s">
        <v>153</v>
      </c>
      <c r="C143" s="153"/>
      <c r="D143" s="154"/>
      <c r="E143" s="42"/>
      <c r="F143" s="142"/>
      <c r="G143" s="143"/>
    </row>
    <row r="144" spans="1:7" s="2" customFormat="1" ht="42" customHeight="1" x14ac:dyDescent="0.25">
      <c r="A144" s="130" t="s">
        <v>109</v>
      </c>
      <c r="B144" s="152" t="s">
        <v>148</v>
      </c>
      <c r="C144" s="153"/>
      <c r="D144" s="154"/>
      <c r="E144" s="42"/>
      <c r="F144" s="142"/>
      <c r="G144" s="143"/>
    </row>
    <row r="145" spans="1:7" s="2" customFormat="1" ht="46.5" customHeight="1" x14ac:dyDescent="0.25">
      <c r="A145" s="137" t="s">
        <v>257</v>
      </c>
      <c r="B145" s="152" t="s">
        <v>155</v>
      </c>
      <c r="C145" s="153"/>
      <c r="D145" s="154"/>
      <c r="E145" s="42"/>
      <c r="F145" s="142"/>
      <c r="G145" s="143"/>
    </row>
    <row r="146" spans="1:7" s="2" customFormat="1" ht="31.5" customHeight="1" x14ac:dyDescent="0.25">
      <c r="A146" s="137" t="s">
        <v>258</v>
      </c>
      <c r="B146" s="152" t="s">
        <v>260</v>
      </c>
      <c r="C146" s="153"/>
      <c r="D146" s="154"/>
      <c r="E146" s="42"/>
      <c r="F146" s="142"/>
      <c r="G146" s="143"/>
    </row>
    <row r="147" spans="1:7" s="2" customFormat="1" ht="95.25" customHeight="1" x14ac:dyDescent="0.25">
      <c r="A147" s="130" t="s">
        <v>110</v>
      </c>
      <c r="B147" s="152" t="s">
        <v>149</v>
      </c>
      <c r="C147" s="153"/>
      <c r="D147" s="154"/>
      <c r="E147" s="42"/>
      <c r="F147" s="142"/>
      <c r="G147" s="143"/>
    </row>
    <row r="148" spans="1:7" s="2" customFormat="1" ht="70.5" customHeight="1" x14ac:dyDescent="0.25">
      <c r="A148" s="130" t="s">
        <v>111</v>
      </c>
      <c r="B148" s="152" t="s">
        <v>150</v>
      </c>
      <c r="C148" s="153"/>
      <c r="D148" s="154"/>
      <c r="E148" s="42"/>
      <c r="F148" s="142"/>
      <c r="G148" s="143"/>
    </row>
    <row r="149" spans="1:7" s="2" customFormat="1" ht="31.5" customHeight="1" x14ac:dyDescent="0.25">
      <c r="A149" s="130" t="s">
        <v>116</v>
      </c>
      <c r="B149" s="152" t="s">
        <v>121</v>
      </c>
      <c r="C149" s="153"/>
      <c r="D149" s="154"/>
      <c r="E149" s="42"/>
      <c r="F149" s="142"/>
      <c r="G149" s="143"/>
    </row>
    <row r="150" spans="1:7" s="2" customFormat="1" ht="43.5" customHeight="1" x14ac:dyDescent="0.25">
      <c r="A150" s="130" t="s">
        <v>117</v>
      </c>
      <c r="B150" s="152" t="s">
        <v>151</v>
      </c>
      <c r="C150" s="153"/>
      <c r="D150" s="154"/>
      <c r="E150" s="42"/>
      <c r="F150" s="142"/>
      <c r="G150" s="143"/>
    </row>
    <row r="151" spans="1:7" s="2" customFormat="1" ht="31.5" customHeight="1" x14ac:dyDescent="0.25">
      <c r="A151" s="130" t="s">
        <v>118</v>
      </c>
      <c r="B151" s="152" t="s">
        <v>261</v>
      </c>
      <c r="C151" s="153"/>
      <c r="D151" s="154"/>
      <c r="E151" s="42"/>
      <c r="F151" s="142"/>
      <c r="G151" s="143"/>
    </row>
    <row r="152" spans="1:7" s="2" customFormat="1" ht="31.5" customHeight="1" x14ac:dyDescent="0.25">
      <c r="A152" s="130" t="s">
        <v>119</v>
      </c>
      <c r="B152" s="124" t="s">
        <v>262</v>
      </c>
      <c r="C152" s="125"/>
      <c r="D152" s="126"/>
      <c r="E152" s="42"/>
      <c r="F152" s="142"/>
      <c r="G152" s="143"/>
    </row>
    <row r="153" spans="1:7" s="2" customFormat="1" ht="51.75" customHeight="1" x14ac:dyDescent="0.25">
      <c r="A153" s="130" t="s">
        <v>120</v>
      </c>
      <c r="B153" s="152" t="s">
        <v>263</v>
      </c>
      <c r="C153" s="153"/>
      <c r="D153" s="154"/>
      <c r="E153" s="42"/>
      <c r="F153" s="142"/>
      <c r="G153" s="143"/>
    </row>
    <row r="154" spans="1:7" s="2" customFormat="1" ht="31.5" customHeight="1" x14ac:dyDescent="0.25">
      <c r="A154" s="130" t="s">
        <v>122</v>
      </c>
      <c r="B154" s="152" t="s">
        <v>264</v>
      </c>
      <c r="C154" s="153"/>
      <c r="D154" s="154"/>
      <c r="E154" s="42"/>
      <c r="F154" s="142"/>
      <c r="G154" s="143"/>
    </row>
    <row r="155" spans="1:7" s="2" customFormat="1" ht="31.5" customHeight="1" x14ac:dyDescent="0.25">
      <c r="A155" s="130" t="s">
        <v>123</v>
      </c>
      <c r="B155" s="152" t="s">
        <v>265</v>
      </c>
      <c r="C155" s="153"/>
      <c r="D155" s="154"/>
      <c r="E155" s="42"/>
      <c r="F155" s="142"/>
      <c r="G155" s="143"/>
    </row>
    <row r="156" spans="1:7" s="2" customFormat="1" ht="31.5" customHeight="1" x14ac:dyDescent="0.25">
      <c r="A156" s="137" t="s">
        <v>267</v>
      </c>
      <c r="B156" s="152" t="s">
        <v>266</v>
      </c>
      <c r="C156" s="153"/>
      <c r="D156" s="154"/>
      <c r="E156" s="42"/>
      <c r="F156" s="142"/>
      <c r="G156" s="143"/>
    </row>
    <row r="157" spans="1:7" s="2" customFormat="1" ht="42" customHeight="1" x14ac:dyDescent="0.25">
      <c r="A157" s="137" t="s">
        <v>268</v>
      </c>
      <c r="B157" s="152" t="s">
        <v>269</v>
      </c>
      <c r="C157" s="153"/>
      <c r="D157" s="154"/>
      <c r="E157" s="42"/>
      <c r="F157" s="142"/>
      <c r="G157" s="143"/>
    </row>
    <row r="158" spans="1:7" s="2" customFormat="1" ht="45.75" customHeight="1" x14ac:dyDescent="0.25">
      <c r="A158" s="130" t="s">
        <v>124</v>
      </c>
      <c r="B158" s="152" t="s">
        <v>270</v>
      </c>
      <c r="C158" s="153"/>
      <c r="D158" s="154"/>
      <c r="E158" s="42"/>
      <c r="F158" s="142"/>
      <c r="G158" s="143"/>
    </row>
    <row r="159" spans="1:7" s="2" customFormat="1" ht="31.5" customHeight="1" x14ac:dyDescent="0.25">
      <c r="A159" s="130" t="s">
        <v>131</v>
      </c>
      <c r="B159" s="152" t="s">
        <v>271</v>
      </c>
      <c r="C159" s="153"/>
      <c r="D159" s="154"/>
      <c r="E159" s="42"/>
      <c r="F159" s="142"/>
      <c r="G159" s="143"/>
    </row>
    <row r="160" spans="1:7" s="2" customFormat="1" ht="29.25" customHeight="1" x14ac:dyDescent="0.25">
      <c r="A160" s="130" t="s">
        <v>127</v>
      </c>
      <c r="B160" s="152" t="s">
        <v>275</v>
      </c>
      <c r="C160" s="153"/>
      <c r="D160" s="154"/>
      <c r="E160" s="42"/>
      <c r="F160" s="142"/>
      <c r="G160" s="143"/>
    </row>
    <row r="161" spans="1:7" s="2" customFormat="1" ht="27.75" customHeight="1" x14ac:dyDescent="0.25">
      <c r="A161" s="130" t="s">
        <v>128</v>
      </c>
      <c r="B161" s="124" t="s">
        <v>276</v>
      </c>
      <c r="C161" s="125"/>
      <c r="D161" s="126"/>
      <c r="E161" s="42"/>
      <c r="F161" s="142"/>
      <c r="G161" s="143"/>
    </row>
    <row r="162" spans="1:7" s="2" customFormat="1" ht="31.5" customHeight="1" x14ac:dyDescent="0.25">
      <c r="A162" s="130" t="s">
        <v>129</v>
      </c>
      <c r="B162" s="152" t="s">
        <v>277</v>
      </c>
      <c r="C162" s="153"/>
      <c r="D162" s="154"/>
      <c r="E162" s="42"/>
      <c r="F162" s="142"/>
      <c r="G162" s="143"/>
    </row>
    <row r="163" spans="1:7" s="2" customFormat="1" ht="42.75" customHeight="1" x14ac:dyDescent="0.25">
      <c r="A163" s="130" t="s">
        <v>130</v>
      </c>
      <c r="B163" s="152" t="s">
        <v>278</v>
      </c>
      <c r="C163" s="153"/>
      <c r="D163" s="154"/>
      <c r="E163" s="42"/>
      <c r="F163" s="142"/>
      <c r="G163" s="143"/>
    </row>
    <row r="164" spans="1:7" s="2" customFormat="1" ht="56.25" customHeight="1" x14ac:dyDescent="0.25">
      <c r="A164" s="130" t="s">
        <v>272</v>
      </c>
      <c r="B164" s="152" t="s">
        <v>279</v>
      </c>
      <c r="C164" s="153"/>
      <c r="D164" s="154"/>
      <c r="E164" s="42"/>
      <c r="F164" s="142"/>
      <c r="G164" s="143"/>
    </row>
    <row r="165" spans="1:7" s="2" customFormat="1" ht="31.5" customHeight="1" x14ac:dyDescent="0.25">
      <c r="A165" s="130" t="s">
        <v>273</v>
      </c>
      <c r="B165" s="152" t="s">
        <v>280</v>
      </c>
      <c r="C165" s="153"/>
      <c r="D165" s="154"/>
      <c r="E165" s="42"/>
      <c r="F165" s="142"/>
      <c r="G165" s="143"/>
    </row>
    <row r="166" spans="1:7" s="2" customFormat="1" ht="31.5" customHeight="1" x14ac:dyDescent="0.25">
      <c r="A166" s="130" t="s">
        <v>274</v>
      </c>
      <c r="B166" s="152" t="s">
        <v>281</v>
      </c>
      <c r="C166" s="153"/>
      <c r="D166" s="154"/>
      <c r="E166" s="42"/>
      <c r="F166" s="142"/>
      <c r="G166" s="143"/>
    </row>
    <row r="167" spans="1:7" s="2" customFormat="1" ht="31.5" customHeight="1" x14ac:dyDescent="0.25">
      <c r="A167" s="130" t="s">
        <v>284</v>
      </c>
      <c r="B167" s="124" t="s">
        <v>282</v>
      </c>
      <c r="C167" s="125"/>
      <c r="D167" s="126"/>
      <c r="E167" s="42"/>
      <c r="F167" s="142"/>
      <c r="G167" s="143"/>
    </row>
    <row r="168" spans="1:7" s="2" customFormat="1" ht="31.5" customHeight="1" x14ac:dyDescent="0.25">
      <c r="A168" s="137" t="s">
        <v>285</v>
      </c>
      <c r="B168" s="124" t="s">
        <v>283</v>
      </c>
      <c r="C168" s="125"/>
      <c r="D168" s="126"/>
      <c r="E168" s="42"/>
      <c r="F168" s="142"/>
      <c r="G168" s="143"/>
    </row>
    <row r="169" spans="1:7" s="2" customFormat="1" ht="31.5" customHeight="1" x14ac:dyDescent="0.25">
      <c r="A169" s="137" t="s">
        <v>286</v>
      </c>
      <c r="B169" s="124" t="s">
        <v>289</v>
      </c>
      <c r="C169" s="125"/>
      <c r="D169" s="126"/>
      <c r="E169" s="42"/>
      <c r="F169" s="142"/>
      <c r="G169" s="143"/>
    </row>
    <row r="170" spans="1:7" s="2" customFormat="1" ht="31.5" customHeight="1" x14ac:dyDescent="0.25">
      <c r="A170" s="137" t="s">
        <v>287</v>
      </c>
      <c r="B170" s="124" t="s">
        <v>290</v>
      </c>
      <c r="C170" s="125"/>
      <c r="D170" s="126"/>
      <c r="E170" s="42"/>
      <c r="F170" s="142"/>
      <c r="G170" s="143"/>
    </row>
    <row r="171" spans="1:7" s="2" customFormat="1" ht="31.5" customHeight="1" x14ac:dyDescent="0.25">
      <c r="A171" s="137" t="s">
        <v>288</v>
      </c>
      <c r="B171" s="152" t="s">
        <v>291</v>
      </c>
      <c r="C171" s="153"/>
      <c r="D171" s="154"/>
      <c r="E171" s="42"/>
      <c r="F171" s="142"/>
      <c r="G171" s="143"/>
    </row>
    <row r="172" spans="1:7" s="2" customFormat="1" ht="31.5" customHeight="1" x14ac:dyDescent="0.25">
      <c r="A172" s="130" t="s">
        <v>293</v>
      </c>
      <c r="B172" s="152" t="s">
        <v>292</v>
      </c>
      <c r="C172" s="153"/>
      <c r="D172" s="154"/>
      <c r="E172" s="42"/>
      <c r="F172" s="142"/>
      <c r="G172" s="143"/>
    </row>
    <row r="173" spans="1:7" s="2" customFormat="1" ht="31.5" customHeight="1" x14ac:dyDescent="0.25">
      <c r="A173" s="130" t="s">
        <v>294</v>
      </c>
      <c r="B173" s="124" t="s">
        <v>295</v>
      </c>
      <c r="C173" s="125"/>
      <c r="D173" s="126"/>
      <c r="E173" s="42"/>
      <c r="F173" s="142"/>
      <c r="G173" s="143"/>
    </row>
    <row r="174" spans="1:7" s="2" customFormat="1" ht="40.5" customHeight="1" x14ac:dyDescent="0.25">
      <c r="A174" s="137" t="s">
        <v>297</v>
      </c>
      <c r="B174" s="249" t="s">
        <v>296</v>
      </c>
      <c r="C174" s="250"/>
      <c r="D174" s="251"/>
      <c r="E174" s="42"/>
      <c r="F174" s="142"/>
      <c r="G174" s="143"/>
    </row>
    <row r="175" spans="1:7" s="2" customFormat="1" ht="31.5" customHeight="1" x14ac:dyDescent="0.25">
      <c r="A175" s="137" t="s">
        <v>298</v>
      </c>
      <c r="B175" s="152" t="s">
        <v>299</v>
      </c>
      <c r="C175" s="153"/>
      <c r="D175" s="154"/>
      <c r="E175" s="42"/>
      <c r="F175" s="142"/>
      <c r="G175" s="143"/>
    </row>
    <row r="176" spans="1:7" s="2" customFormat="1" ht="31.5" customHeight="1" x14ac:dyDescent="0.25">
      <c r="A176" s="137" t="s">
        <v>301</v>
      </c>
      <c r="B176" s="152" t="s">
        <v>300</v>
      </c>
      <c r="C176" s="153"/>
      <c r="D176" s="154"/>
      <c r="E176" s="42"/>
      <c r="F176" s="142"/>
      <c r="G176" s="143"/>
    </row>
    <row r="177" spans="1:7" s="2" customFormat="1" ht="45" customHeight="1" x14ac:dyDescent="0.25">
      <c r="A177" s="137" t="s">
        <v>304</v>
      </c>
      <c r="B177" s="152" t="s">
        <v>302</v>
      </c>
      <c r="C177" s="153"/>
      <c r="D177" s="154"/>
      <c r="E177" s="42"/>
      <c r="F177" s="142"/>
      <c r="G177" s="143"/>
    </row>
    <row r="178" spans="1:7" s="2" customFormat="1" ht="48" customHeight="1" x14ac:dyDescent="0.25">
      <c r="A178" s="137" t="s">
        <v>305</v>
      </c>
      <c r="B178" s="152" t="s">
        <v>303</v>
      </c>
      <c r="C178" s="153"/>
      <c r="D178" s="154"/>
      <c r="E178" s="42"/>
      <c r="F178" s="142"/>
      <c r="G178" s="143"/>
    </row>
    <row r="179" spans="1:7" s="2" customFormat="1" ht="50.25" customHeight="1" x14ac:dyDescent="0.25">
      <c r="A179" s="130" t="s">
        <v>306</v>
      </c>
      <c r="B179" s="152" t="s">
        <v>310</v>
      </c>
      <c r="C179" s="153"/>
      <c r="D179" s="154"/>
      <c r="E179" s="42"/>
      <c r="F179" s="142"/>
      <c r="G179" s="143"/>
    </row>
    <row r="180" spans="1:7" s="2" customFormat="1" ht="51.75" customHeight="1" x14ac:dyDescent="0.25">
      <c r="A180" s="130" t="s">
        <v>307</v>
      </c>
      <c r="B180" s="152" t="s">
        <v>311</v>
      </c>
      <c r="C180" s="153"/>
      <c r="D180" s="154"/>
      <c r="E180" s="42"/>
      <c r="F180" s="142"/>
      <c r="G180" s="143"/>
    </row>
    <row r="181" spans="1:7" s="2" customFormat="1" ht="54" customHeight="1" x14ac:dyDescent="0.25">
      <c r="A181" s="130" t="s">
        <v>308</v>
      </c>
      <c r="B181" s="152" t="s">
        <v>102</v>
      </c>
      <c r="C181" s="153"/>
      <c r="D181" s="154"/>
      <c r="E181" s="42"/>
      <c r="F181" s="142"/>
      <c r="G181" s="143"/>
    </row>
    <row r="182" spans="1:7" s="2" customFormat="1" ht="31.5" customHeight="1" x14ac:dyDescent="0.25">
      <c r="A182" s="130" t="s">
        <v>309</v>
      </c>
      <c r="B182" s="152" t="s">
        <v>312</v>
      </c>
      <c r="C182" s="153"/>
      <c r="D182" s="154"/>
      <c r="E182" s="42"/>
      <c r="F182" s="142"/>
      <c r="G182" s="143"/>
    </row>
    <row r="183" spans="1:7" s="2" customFormat="1" ht="82.5" customHeight="1" x14ac:dyDescent="0.25">
      <c r="A183" s="130" t="s">
        <v>313</v>
      </c>
      <c r="B183" s="152" t="s">
        <v>314</v>
      </c>
      <c r="C183" s="153"/>
      <c r="D183" s="154"/>
      <c r="E183" s="42"/>
      <c r="F183" s="142"/>
      <c r="G183" s="143"/>
    </row>
    <row r="184" spans="1:7" s="2" customFormat="1" ht="64.5" customHeight="1" x14ac:dyDescent="0.25">
      <c r="A184" s="130" t="s">
        <v>316</v>
      </c>
      <c r="B184" s="152" t="s">
        <v>139</v>
      </c>
      <c r="C184" s="153"/>
      <c r="D184" s="154"/>
      <c r="E184" s="42"/>
      <c r="F184" s="142"/>
      <c r="G184" s="143"/>
    </row>
    <row r="185" spans="1:7" s="2" customFormat="1" ht="39" customHeight="1" x14ac:dyDescent="0.25">
      <c r="A185" s="130" t="s">
        <v>317</v>
      </c>
      <c r="B185" s="152" t="s">
        <v>315</v>
      </c>
      <c r="C185" s="153"/>
      <c r="D185" s="154"/>
      <c r="E185" s="42"/>
      <c r="F185" s="142"/>
      <c r="G185" s="143"/>
    </row>
    <row r="186" spans="1:7" s="2" customFormat="1" ht="69.75" customHeight="1" x14ac:dyDescent="0.25">
      <c r="A186" s="130" t="s">
        <v>318</v>
      </c>
      <c r="B186" s="152" t="s">
        <v>319</v>
      </c>
      <c r="C186" s="153"/>
      <c r="D186" s="154"/>
      <c r="E186" s="42"/>
      <c r="F186" s="142"/>
      <c r="G186" s="143"/>
    </row>
    <row r="187" spans="1:7" s="2" customFormat="1" ht="81.75" customHeight="1" x14ac:dyDescent="0.25">
      <c r="A187" s="130" t="s">
        <v>321</v>
      </c>
      <c r="B187" s="152" t="s">
        <v>320</v>
      </c>
      <c r="C187" s="153"/>
      <c r="D187" s="154"/>
      <c r="E187" s="42"/>
      <c r="F187" s="142"/>
      <c r="G187" s="143"/>
    </row>
    <row r="188" spans="1:7" s="2" customFormat="1" ht="110.25" customHeight="1" x14ac:dyDescent="0.25">
      <c r="A188" s="130" t="s">
        <v>322</v>
      </c>
      <c r="B188" s="152" t="s">
        <v>104</v>
      </c>
      <c r="C188" s="153"/>
      <c r="D188" s="154"/>
      <c r="E188" s="42"/>
      <c r="F188" s="142"/>
      <c r="G188" s="143"/>
    </row>
    <row r="189" spans="1:7" s="2" customFormat="1" ht="45" customHeight="1" x14ac:dyDescent="0.25">
      <c r="A189" s="137" t="s">
        <v>323</v>
      </c>
      <c r="B189" s="152" t="s">
        <v>112</v>
      </c>
      <c r="C189" s="153"/>
      <c r="D189" s="154"/>
      <c r="E189" s="42"/>
      <c r="F189" s="142"/>
      <c r="G189" s="143"/>
    </row>
    <row r="190" spans="1:7" s="2" customFormat="1" ht="58.5" customHeight="1" x14ac:dyDescent="0.25">
      <c r="A190" s="137" t="s">
        <v>324</v>
      </c>
      <c r="B190" s="152" t="s">
        <v>326</v>
      </c>
      <c r="C190" s="153"/>
      <c r="D190" s="154"/>
      <c r="E190" s="42"/>
      <c r="F190" s="142"/>
      <c r="G190" s="143"/>
    </row>
    <row r="191" spans="1:7" s="2" customFormat="1" ht="51.75" customHeight="1" x14ac:dyDescent="0.25">
      <c r="A191" s="130" t="s">
        <v>325</v>
      </c>
      <c r="B191" s="152" t="s">
        <v>125</v>
      </c>
      <c r="C191" s="153"/>
      <c r="D191" s="154"/>
      <c r="E191" s="42"/>
      <c r="F191" s="142"/>
      <c r="G191" s="143"/>
    </row>
    <row r="192" spans="1:7" s="2" customFormat="1" ht="53.25" customHeight="1" x14ac:dyDescent="0.25">
      <c r="A192" s="130" t="s">
        <v>327</v>
      </c>
      <c r="B192" s="152" t="s">
        <v>125</v>
      </c>
      <c r="C192" s="153"/>
      <c r="D192" s="154"/>
      <c r="E192" s="42"/>
      <c r="F192" s="142"/>
      <c r="G192" s="143"/>
    </row>
    <row r="193" spans="1:8" s="2" customFormat="1" ht="66.75" customHeight="1" x14ac:dyDescent="0.25">
      <c r="A193" s="130" t="s">
        <v>328</v>
      </c>
      <c r="B193" s="152" t="s">
        <v>126</v>
      </c>
      <c r="C193" s="153"/>
      <c r="D193" s="154"/>
      <c r="E193" s="42"/>
      <c r="F193" s="142"/>
      <c r="G193" s="143"/>
    </row>
    <row r="194" spans="1:8" s="2" customFormat="1" ht="85.5" customHeight="1" x14ac:dyDescent="0.25">
      <c r="A194" s="130" t="s">
        <v>330</v>
      </c>
      <c r="B194" s="152" t="s">
        <v>132</v>
      </c>
      <c r="C194" s="153"/>
      <c r="D194" s="154"/>
      <c r="E194" s="42"/>
      <c r="F194" s="142"/>
      <c r="G194" s="143"/>
    </row>
    <row r="195" spans="1:8" s="2" customFormat="1" ht="51.75" customHeight="1" x14ac:dyDescent="0.25">
      <c r="A195" s="130" t="s">
        <v>331</v>
      </c>
      <c r="B195" s="152" t="s">
        <v>226</v>
      </c>
      <c r="C195" s="153"/>
      <c r="D195" s="154"/>
      <c r="E195" s="42"/>
      <c r="F195" s="142"/>
      <c r="G195" s="143"/>
    </row>
    <row r="196" spans="1:8" s="2" customFormat="1" ht="33" customHeight="1" x14ac:dyDescent="0.25">
      <c r="A196" s="130" t="s">
        <v>332</v>
      </c>
      <c r="B196" s="152" t="s">
        <v>329</v>
      </c>
      <c r="C196" s="153"/>
      <c r="D196" s="154"/>
      <c r="E196" s="42"/>
      <c r="F196" s="142"/>
      <c r="G196" s="143"/>
    </row>
    <row r="197" spans="1:8" s="3" customFormat="1" ht="26.25" customHeight="1" x14ac:dyDescent="0.25">
      <c r="A197" s="5"/>
      <c r="B197" s="5"/>
      <c r="C197" s="5"/>
      <c r="D197" s="5"/>
      <c r="E197" s="7"/>
      <c r="F197" s="7"/>
      <c r="G197" s="27"/>
    </row>
    <row r="198" spans="1:8" s="2" customFormat="1" ht="20.100000000000001" customHeight="1" x14ac:dyDescent="0.25">
      <c r="A198" s="141" t="s">
        <v>56</v>
      </c>
      <c r="B198" s="141"/>
      <c r="C198" s="141"/>
      <c r="D198" s="141"/>
      <c r="E198" s="141"/>
      <c r="F198" s="141"/>
      <c r="G198" s="141"/>
      <c r="H198" s="183"/>
    </row>
    <row r="199" spans="1:8" s="2" customFormat="1" ht="4.5" customHeight="1" thickBot="1" x14ac:dyDescent="0.3">
      <c r="H199" s="183"/>
    </row>
    <row r="200" spans="1:8" s="2" customFormat="1" ht="80.25" customHeight="1" x14ac:dyDescent="0.25">
      <c r="A200" s="158" t="s">
        <v>61</v>
      </c>
      <c r="B200" s="159"/>
      <c r="C200" s="53"/>
      <c r="D200" s="53"/>
      <c r="E200" s="192" t="s">
        <v>57</v>
      </c>
      <c r="F200" s="193"/>
      <c r="G200" s="194"/>
      <c r="H200" s="183"/>
    </row>
    <row r="201" spans="1:8" s="3" customFormat="1" ht="29.25" customHeight="1" thickBot="1" x14ac:dyDescent="0.3">
      <c r="A201" s="161"/>
      <c r="B201" s="226"/>
      <c r="C201" s="111"/>
      <c r="D201" s="116"/>
      <c r="E201" s="112" t="s">
        <v>7</v>
      </c>
      <c r="F201" s="227" t="s">
        <v>30</v>
      </c>
      <c r="G201" s="228"/>
      <c r="H201" s="183"/>
    </row>
    <row r="202" spans="1:8" s="3" customFormat="1" ht="27" customHeight="1" x14ac:dyDescent="0.25">
      <c r="A202" s="117" t="s">
        <v>31</v>
      </c>
      <c r="B202" s="234" t="s">
        <v>59</v>
      </c>
      <c r="C202" s="235"/>
      <c r="D202" s="236"/>
      <c r="E202" s="113"/>
      <c r="F202" s="232"/>
      <c r="G202" s="233"/>
      <c r="H202" s="183"/>
    </row>
    <row r="203" spans="1:8" s="3" customFormat="1" ht="24.95" customHeight="1" x14ac:dyDescent="0.25">
      <c r="A203" s="118" t="s">
        <v>32</v>
      </c>
      <c r="B203" s="237" t="s">
        <v>58</v>
      </c>
      <c r="C203" s="238"/>
      <c r="D203" s="239"/>
      <c r="E203" s="109"/>
      <c r="F203" s="224"/>
      <c r="G203" s="225"/>
      <c r="H203" s="183"/>
    </row>
    <row r="204" spans="1:8" s="3" customFormat="1" ht="31.5" customHeight="1" x14ac:dyDescent="0.25">
      <c r="A204" s="118" t="s">
        <v>33</v>
      </c>
      <c r="B204" s="237" t="s">
        <v>78</v>
      </c>
      <c r="C204" s="238"/>
      <c r="D204" s="239"/>
      <c r="E204" s="109"/>
      <c r="F204" s="224"/>
      <c r="G204" s="225"/>
      <c r="H204" s="183"/>
    </row>
    <row r="205" spans="1:8" s="2" customFormat="1" ht="33" customHeight="1" x14ac:dyDescent="0.25">
      <c r="A205" s="118" t="s">
        <v>79</v>
      </c>
      <c r="B205" s="240" t="s">
        <v>80</v>
      </c>
      <c r="C205" s="224"/>
      <c r="D205" s="241"/>
      <c r="E205" s="109"/>
      <c r="F205" s="224"/>
      <c r="G205" s="225"/>
      <c r="H205" s="183"/>
    </row>
    <row r="206" spans="1:8" s="2" customFormat="1" ht="33" customHeight="1" x14ac:dyDescent="0.25">
      <c r="A206" s="119" t="s">
        <v>81</v>
      </c>
      <c r="B206" s="242" t="s">
        <v>222</v>
      </c>
      <c r="C206" s="243"/>
      <c r="D206" s="244"/>
      <c r="E206" s="109"/>
      <c r="F206" s="224"/>
      <c r="G206" s="225"/>
      <c r="H206" s="86"/>
    </row>
    <row r="207" spans="1:8" s="2" customFormat="1" ht="33" customHeight="1" x14ac:dyDescent="0.25">
      <c r="A207" s="119" t="s">
        <v>219</v>
      </c>
      <c r="B207" s="121" t="s">
        <v>228</v>
      </c>
      <c r="C207" s="122"/>
      <c r="D207" s="123"/>
      <c r="E207" s="109"/>
      <c r="F207" s="110"/>
      <c r="G207" s="114"/>
      <c r="H207" s="100"/>
    </row>
    <row r="208" spans="1:8" s="2" customFormat="1" ht="33" customHeight="1" x14ac:dyDescent="0.25">
      <c r="A208" s="119" t="s">
        <v>220</v>
      </c>
      <c r="B208" s="121" t="s">
        <v>229</v>
      </c>
      <c r="C208" s="122"/>
      <c r="D208" s="123"/>
      <c r="E208" s="109"/>
      <c r="F208" s="110"/>
      <c r="G208" s="114"/>
      <c r="H208" s="100"/>
    </row>
    <row r="209" spans="1:7" s="2" customFormat="1" ht="24" customHeight="1" x14ac:dyDescent="0.25">
      <c r="A209" s="120" t="s">
        <v>221</v>
      </c>
      <c r="B209" s="216" t="s">
        <v>230</v>
      </c>
      <c r="C209" s="217"/>
      <c r="D209" s="218"/>
      <c r="E209" s="109"/>
      <c r="F209" s="7"/>
      <c r="G209" s="115"/>
    </row>
    <row r="210" spans="1:7" s="2" customFormat="1" ht="20.100000000000001" customHeight="1" x14ac:dyDescent="0.25">
      <c r="A210" s="229" t="s">
        <v>15</v>
      </c>
      <c r="B210" s="229"/>
      <c r="C210" s="229"/>
      <c r="D210" s="229"/>
      <c r="E210" s="229"/>
      <c r="F210" s="229"/>
      <c r="G210" s="229"/>
    </row>
    <row r="211" spans="1:7" s="3" customFormat="1" ht="30" customHeight="1" x14ac:dyDescent="0.25">
      <c r="A211" s="5" t="s">
        <v>16</v>
      </c>
      <c r="B211" s="230" t="s">
        <v>50</v>
      </c>
      <c r="C211" s="230"/>
      <c r="D211" s="230"/>
      <c r="E211" s="230"/>
      <c r="F211" s="230"/>
      <c r="G211" s="230"/>
    </row>
    <row r="212" spans="1:7" s="29" customFormat="1" ht="30" customHeight="1" x14ac:dyDescent="0.25">
      <c r="A212" s="5" t="s">
        <v>34</v>
      </c>
      <c r="B212" s="230" t="s">
        <v>35</v>
      </c>
      <c r="C212" s="230"/>
      <c r="D212" s="230"/>
      <c r="E212" s="230"/>
      <c r="F212" s="230"/>
      <c r="G212" s="230"/>
    </row>
    <row r="213" spans="1:7" s="29" customFormat="1" ht="30" customHeight="1" x14ac:dyDescent="0.25">
      <c r="A213" s="231" t="s">
        <v>36</v>
      </c>
      <c r="B213" s="231"/>
      <c r="C213" s="231"/>
      <c r="D213" s="231"/>
      <c r="E213" s="231"/>
      <c r="F213" s="231"/>
      <c r="G213" s="3"/>
    </row>
    <row r="214" spans="1:7" s="2" customFormat="1" ht="24.95" customHeight="1" x14ac:dyDescent="0.25">
      <c r="A214" s="28" t="s">
        <v>37</v>
      </c>
      <c r="B214" s="64"/>
      <c r="C214" s="64"/>
      <c r="D214" s="64"/>
      <c r="E214" s="64"/>
      <c r="G214" s="29"/>
    </row>
    <row r="215" spans="1:7" s="2" customFormat="1" ht="24.95" customHeight="1" x14ac:dyDescent="0.25">
      <c r="A215" s="28" t="s">
        <v>38</v>
      </c>
      <c r="B215" s="65"/>
      <c r="C215" s="65"/>
      <c r="D215" s="65"/>
      <c r="E215" s="65"/>
      <c r="G215" s="29"/>
    </row>
    <row r="216" spans="1:7" s="2" customFormat="1" ht="24.95" customHeight="1" x14ac:dyDescent="0.25">
      <c r="A216" s="28" t="s">
        <v>39</v>
      </c>
      <c r="B216" s="65"/>
      <c r="C216" s="65"/>
      <c r="D216" s="65"/>
      <c r="E216" s="65"/>
      <c r="G216" s="29"/>
    </row>
    <row r="217" spans="1:7" s="3" customFormat="1" ht="24.95" customHeight="1" x14ac:dyDescent="0.25">
      <c r="A217" s="28" t="s">
        <v>40</v>
      </c>
      <c r="B217" s="65"/>
      <c r="C217" s="65"/>
      <c r="D217" s="65"/>
      <c r="E217" s="65"/>
      <c r="F217" s="2"/>
      <c r="G217" s="30"/>
    </row>
    <row r="218" spans="1:7" s="2" customFormat="1" ht="46.5" customHeight="1" x14ac:dyDescent="0.2">
      <c r="A218" s="11"/>
      <c r="B218" s="12"/>
      <c r="C218" s="12"/>
      <c r="D218" s="12"/>
      <c r="E218" s="12"/>
      <c r="G218" s="31"/>
    </row>
    <row r="219" spans="1:7" s="3" customFormat="1" ht="15" customHeight="1" x14ac:dyDescent="0.25">
      <c r="A219" s="222" t="s">
        <v>41</v>
      </c>
      <c r="B219" s="222"/>
      <c r="C219" s="222"/>
      <c r="D219" s="222"/>
      <c r="E219" s="222"/>
      <c r="F219" s="222"/>
      <c r="G219" s="222"/>
    </row>
    <row r="220" spans="1:7" s="2" customFormat="1" ht="36.75" customHeight="1" x14ac:dyDescent="0.25">
      <c r="A220" s="223" t="s">
        <v>53</v>
      </c>
      <c r="B220" s="223"/>
      <c r="C220" s="223"/>
      <c r="D220" s="223"/>
      <c r="E220" s="223"/>
      <c r="F220" s="223"/>
      <c r="G220" s="223"/>
    </row>
    <row r="221" spans="1:7" s="2" customFormat="1" ht="20.100000000000001" customHeight="1" x14ac:dyDescent="0.2">
      <c r="A221" s="1"/>
      <c r="B221" s="1"/>
      <c r="C221" s="1"/>
      <c r="D221" s="1"/>
      <c r="E221" s="8"/>
      <c r="F221" s="8"/>
    </row>
    <row r="222" spans="1:7" s="3" customFormat="1" ht="4.5" customHeight="1" x14ac:dyDescent="0.2">
      <c r="A222" s="1"/>
      <c r="B222" s="1"/>
      <c r="C222" s="1"/>
      <c r="D222" s="1"/>
      <c r="E222" s="8"/>
      <c r="F222" s="8"/>
      <c r="G222" s="2"/>
    </row>
    <row r="223" spans="1:7" s="3" customFormat="1" ht="20.100000000000001" customHeight="1" x14ac:dyDescent="0.25">
      <c r="A223" s="32" t="s">
        <v>42</v>
      </c>
      <c r="B223" s="50"/>
      <c r="C223" s="1"/>
      <c r="D223" s="1"/>
      <c r="E223" s="33" t="s">
        <v>43</v>
      </c>
      <c r="F223" s="219"/>
      <c r="G223" s="219"/>
    </row>
    <row r="224" spans="1:7" s="3" customFormat="1" ht="20.100000000000001" customHeight="1" x14ac:dyDescent="0.25">
      <c r="A224" s="46" t="s">
        <v>44</v>
      </c>
      <c r="B224" s="51"/>
      <c r="C224" s="1"/>
      <c r="D224" s="1"/>
      <c r="E224" s="34"/>
      <c r="F224" s="35"/>
      <c r="G224" s="35"/>
    </row>
    <row r="225" spans="1:7" ht="20.100000000000001" customHeight="1" x14ac:dyDescent="0.2">
      <c r="E225" s="36" t="s">
        <v>45</v>
      </c>
      <c r="F225" s="220"/>
      <c r="G225" s="220"/>
    </row>
    <row r="226" spans="1:7" s="2" customFormat="1" ht="20.100000000000001" customHeight="1" x14ac:dyDescent="0.2">
      <c r="A226" s="1"/>
      <c r="B226" s="1"/>
      <c r="C226" s="1"/>
      <c r="D226" s="1"/>
      <c r="E226" s="36" t="s">
        <v>46</v>
      </c>
      <c r="F226" s="221"/>
      <c r="G226" s="221"/>
    </row>
    <row r="227" spans="1:7" s="2" customFormat="1" ht="20.100000000000001" customHeight="1" x14ac:dyDescent="0.2">
      <c r="A227" s="1"/>
      <c r="B227" s="1"/>
      <c r="C227" s="1"/>
      <c r="D227" s="1"/>
      <c r="E227" s="37" t="s">
        <v>47</v>
      </c>
      <c r="F227" s="1"/>
    </row>
    <row r="228" spans="1:7" s="2" customFormat="1" ht="37.5" customHeight="1" x14ac:dyDescent="0.25"/>
    <row r="229" spans="1:7" s="2" customFormat="1" ht="24" customHeight="1" x14ac:dyDescent="0.25"/>
    <row r="230" spans="1:7" s="2" customFormat="1" ht="24" customHeight="1" x14ac:dyDescent="0.25"/>
    <row r="231" spans="1:7" s="2" customFormat="1" ht="24" customHeight="1" x14ac:dyDescent="0.25"/>
    <row r="232" spans="1:7" s="2" customFormat="1" ht="20.100000000000001" customHeight="1" x14ac:dyDescent="0.25"/>
    <row r="233" spans="1:7" s="2" customFormat="1" ht="20.100000000000001" customHeight="1" x14ac:dyDescent="0.25"/>
    <row r="234" spans="1:7" s="2" customFormat="1" ht="50.1" customHeight="1" x14ac:dyDescent="0.25"/>
    <row r="235" spans="1:7" s="2" customFormat="1" ht="43.5" customHeight="1" x14ac:dyDescent="0.25"/>
    <row r="236" spans="1:7" ht="24.75" customHeight="1" x14ac:dyDescent="0.2">
      <c r="A236" s="2"/>
      <c r="B236" s="2"/>
      <c r="C236" s="2"/>
      <c r="D236" s="2"/>
      <c r="E236" s="2"/>
      <c r="F236" s="2"/>
    </row>
    <row r="237" spans="1:7" x14ac:dyDescent="0.2">
      <c r="A237" s="2"/>
      <c r="B237" s="2"/>
      <c r="C237" s="2"/>
      <c r="D237" s="2"/>
      <c r="E237" s="2"/>
      <c r="F237" s="2"/>
    </row>
    <row r="238" spans="1:7" ht="20.100000000000001" customHeight="1" x14ac:dyDescent="0.2"/>
    <row r="239" spans="1:7" ht="4.5" customHeight="1" x14ac:dyDescent="0.2"/>
    <row r="240" spans="1:7" ht="20.100000000000001" customHeight="1" x14ac:dyDescent="0.2"/>
    <row r="241" ht="20.100000000000001" customHeight="1" x14ac:dyDescent="0.2"/>
    <row r="242" ht="20.100000000000001" customHeight="1" x14ac:dyDescent="0.2"/>
  </sheetData>
  <mergeCells count="290">
    <mergeCell ref="B191:D191"/>
    <mergeCell ref="B192:D192"/>
    <mergeCell ref="B29:E29"/>
    <mergeCell ref="F195:G195"/>
    <mergeCell ref="F196:G196"/>
    <mergeCell ref="B153:D153"/>
    <mergeCell ref="B154:D154"/>
    <mergeCell ref="B155:D155"/>
    <mergeCell ref="B156:D156"/>
    <mergeCell ref="B157:D157"/>
    <mergeCell ref="B158:D158"/>
    <mergeCell ref="B159:D159"/>
    <mergeCell ref="B160:D160"/>
    <mergeCell ref="B162:D162"/>
    <mergeCell ref="B163:D163"/>
    <mergeCell ref="B164:D164"/>
    <mergeCell ref="B165:D165"/>
    <mergeCell ref="B166:D166"/>
    <mergeCell ref="B171:D171"/>
    <mergeCell ref="B172:D172"/>
    <mergeCell ref="B174:D174"/>
    <mergeCell ref="B175:D175"/>
    <mergeCell ref="B176:D176"/>
    <mergeCell ref="B177:D177"/>
    <mergeCell ref="B178:D178"/>
    <mergeCell ref="B179:D179"/>
    <mergeCell ref="B180:D180"/>
    <mergeCell ref="F186:G186"/>
    <mergeCell ref="F187:G187"/>
    <mergeCell ref="F188:G188"/>
    <mergeCell ref="F189:G189"/>
    <mergeCell ref="B184:D184"/>
    <mergeCell ref="B183:D183"/>
    <mergeCell ref="B185:D185"/>
    <mergeCell ref="B186:D186"/>
    <mergeCell ref="B181:D181"/>
    <mergeCell ref="B182:D182"/>
    <mergeCell ref="F173:G173"/>
    <mergeCell ref="F174:G174"/>
    <mergeCell ref="F175:G175"/>
    <mergeCell ref="F176:G176"/>
    <mergeCell ref="F190:G190"/>
    <mergeCell ref="F191:G191"/>
    <mergeCell ref="F192:G192"/>
    <mergeCell ref="F193:G193"/>
    <mergeCell ref="F194:G194"/>
    <mergeCell ref="F177:G177"/>
    <mergeCell ref="F178:G178"/>
    <mergeCell ref="F179:G179"/>
    <mergeCell ref="F180:G180"/>
    <mergeCell ref="F181:G181"/>
    <mergeCell ref="F182:G182"/>
    <mergeCell ref="F183:G183"/>
    <mergeCell ref="F184:G184"/>
    <mergeCell ref="F185:G185"/>
    <mergeCell ref="F164:G164"/>
    <mergeCell ref="F165:G165"/>
    <mergeCell ref="F166:G166"/>
    <mergeCell ref="F167:G167"/>
    <mergeCell ref="F168:G168"/>
    <mergeCell ref="F169:G169"/>
    <mergeCell ref="F170:G170"/>
    <mergeCell ref="F171:G171"/>
    <mergeCell ref="F172:G172"/>
    <mergeCell ref="F155:G155"/>
    <mergeCell ref="F156:G156"/>
    <mergeCell ref="F157:G157"/>
    <mergeCell ref="F158:G158"/>
    <mergeCell ref="F159:G159"/>
    <mergeCell ref="F160:G160"/>
    <mergeCell ref="F161:G161"/>
    <mergeCell ref="F162:G162"/>
    <mergeCell ref="F163:G163"/>
    <mergeCell ref="F146:G146"/>
    <mergeCell ref="F147:G147"/>
    <mergeCell ref="F148:G148"/>
    <mergeCell ref="F149:G149"/>
    <mergeCell ref="F150:G150"/>
    <mergeCell ref="F151:G151"/>
    <mergeCell ref="F152:G152"/>
    <mergeCell ref="F153:G153"/>
    <mergeCell ref="F154:G154"/>
    <mergeCell ref="F137:G137"/>
    <mergeCell ref="F138:G138"/>
    <mergeCell ref="F139:G139"/>
    <mergeCell ref="F140:G140"/>
    <mergeCell ref="F141:G141"/>
    <mergeCell ref="F142:G142"/>
    <mergeCell ref="F143:G143"/>
    <mergeCell ref="F144:G144"/>
    <mergeCell ref="F145:G145"/>
    <mergeCell ref="B194:D194"/>
    <mergeCell ref="B195:D195"/>
    <mergeCell ref="B196:D196"/>
    <mergeCell ref="A96:B96"/>
    <mergeCell ref="A97:B97"/>
    <mergeCell ref="B140:D140"/>
    <mergeCell ref="B126:D126"/>
    <mergeCell ref="B127:D127"/>
    <mergeCell ref="B129:D129"/>
    <mergeCell ref="B130:D130"/>
    <mergeCell ref="B131:D131"/>
    <mergeCell ref="B132:D132"/>
    <mergeCell ref="B133:D133"/>
    <mergeCell ref="B134:D134"/>
    <mergeCell ref="B135:D135"/>
    <mergeCell ref="B136:D136"/>
    <mergeCell ref="B137:D137"/>
    <mergeCell ref="B138:D138"/>
    <mergeCell ref="B141:D141"/>
    <mergeCell ref="B142:D142"/>
    <mergeCell ref="B143:D143"/>
    <mergeCell ref="B144:D144"/>
    <mergeCell ref="B145:D145"/>
    <mergeCell ref="B146:D146"/>
    <mergeCell ref="F105:G105"/>
    <mergeCell ref="F106:G106"/>
    <mergeCell ref="F102:G102"/>
    <mergeCell ref="F103:G103"/>
    <mergeCell ref="F104:G104"/>
    <mergeCell ref="F107:G107"/>
    <mergeCell ref="B193:D193"/>
    <mergeCell ref="B187:D187"/>
    <mergeCell ref="B188:D188"/>
    <mergeCell ref="B189:D189"/>
    <mergeCell ref="B190:D190"/>
    <mergeCell ref="B147:D147"/>
    <mergeCell ref="B148:D148"/>
    <mergeCell ref="B149:D149"/>
    <mergeCell ref="B150:D150"/>
    <mergeCell ref="B151:D151"/>
    <mergeCell ref="F129:G129"/>
    <mergeCell ref="F130:G130"/>
    <mergeCell ref="F131:G131"/>
    <mergeCell ref="F132:G132"/>
    <mergeCell ref="F133:G133"/>
    <mergeCell ref="F134:G134"/>
    <mergeCell ref="F135:G135"/>
    <mergeCell ref="F136:G136"/>
    <mergeCell ref="B209:D209"/>
    <mergeCell ref="F223:G223"/>
    <mergeCell ref="F225:G225"/>
    <mergeCell ref="F226:G226"/>
    <mergeCell ref="A219:G219"/>
    <mergeCell ref="A220:G220"/>
    <mergeCell ref="F205:G205"/>
    <mergeCell ref="A200:B201"/>
    <mergeCell ref="E200:G200"/>
    <mergeCell ref="F201:G201"/>
    <mergeCell ref="A210:G210"/>
    <mergeCell ref="B211:G211"/>
    <mergeCell ref="B212:G212"/>
    <mergeCell ref="A213:F213"/>
    <mergeCell ref="F202:G202"/>
    <mergeCell ref="F203:G203"/>
    <mergeCell ref="B202:D202"/>
    <mergeCell ref="B203:D203"/>
    <mergeCell ref="B205:D205"/>
    <mergeCell ref="B204:D204"/>
    <mergeCell ref="F204:G204"/>
    <mergeCell ref="B206:D206"/>
    <mergeCell ref="F206:G206"/>
    <mergeCell ref="A61:B61"/>
    <mergeCell ref="A40:B40"/>
    <mergeCell ref="F53:G53"/>
    <mergeCell ref="F54:G54"/>
    <mergeCell ref="F55:G55"/>
    <mergeCell ref="F61:G61"/>
    <mergeCell ref="F64:G64"/>
    <mergeCell ref="F65:G65"/>
    <mergeCell ref="C38:D38"/>
    <mergeCell ref="F41:G41"/>
    <mergeCell ref="F42:G42"/>
    <mergeCell ref="F40:G40"/>
    <mergeCell ref="A1:G1"/>
    <mergeCell ref="A12:E12"/>
    <mergeCell ref="A23:B23"/>
    <mergeCell ref="A26:B26"/>
    <mergeCell ref="F126:G126"/>
    <mergeCell ref="F127:G127"/>
    <mergeCell ref="F128:G128"/>
    <mergeCell ref="A2:G2"/>
    <mergeCell ref="F119:G119"/>
    <mergeCell ref="A20:E20"/>
    <mergeCell ref="E112:G112"/>
    <mergeCell ref="F113:G113"/>
    <mergeCell ref="F74:G74"/>
    <mergeCell ref="F75:G75"/>
    <mergeCell ref="F39:G39"/>
    <mergeCell ref="A51:B51"/>
    <mergeCell ref="A38:B39"/>
    <mergeCell ref="F51:G51"/>
    <mergeCell ref="F63:G63"/>
    <mergeCell ref="F67:G67"/>
    <mergeCell ref="F68:G68"/>
    <mergeCell ref="A70:B70"/>
    <mergeCell ref="A90:B90"/>
    <mergeCell ref="F76:G76"/>
    <mergeCell ref="H198:H205"/>
    <mergeCell ref="A3:G3"/>
    <mergeCell ref="A7:G7"/>
    <mergeCell ref="A8:G8"/>
    <mergeCell ref="A9:G9"/>
    <mergeCell ref="A11:G11"/>
    <mergeCell ref="A13:E13"/>
    <mergeCell ref="A34:G34"/>
    <mergeCell ref="A36:B37"/>
    <mergeCell ref="E36:G36"/>
    <mergeCell ref="F37:G37"/>
    <mergeCell ref="A22:G22"/>
    <mergeCell ref="B27:E27"/>
    <mergeCell ref="B28:E28"/>
    <mergeCell ref="A16:E16"/>
    <mergeCell ref="A17:E17"/>
    <mergeCell ref="A18:G18"/>
    <mergeCell ref="A19:G19"/>
    <mergeCell ref="A21:G21"/>
    <mergeCell ref="B128:D128"/>
    <mergeCell ref="B139:D139"/>
    <mergeCell ref="F52:G52"/>
    <mergeCell ref="F69:G69"/>
    <mergeCell ref="F70:G70"/>
    <mergeCell ref="F121:G121"/>
    <mergeCell ref="F122:G122"/>
    <mergeCell ref="F124:G124"/>
    <mergeCell ref="F125:G125"/>
    <mergeCell ref="F114:G114"/>
    <mergeCell ref="F117:G117"/>
    <mergeCell ref="F118:G118"/>
    <mergeCell ref="A110:G110"/>
    <mergeCell ref="F115:G115"/>
    <mergeCell ref="F116:G116"/>
    <mergeCell ref="F120:G120"/>
    <mergeCell ref="B117:D117"/>
    <mergeCell ref="B118:D118"/>
    <mergeCell ref="B119:D119"/>
    <mergeCell ref="B120:D120"/>
    <mergeCell ref="B121:D121"/>
    <mergeCell ref="B122:D122"/>
    <mergeCell ref="B124:D124"/>
    <mergeCell ref="B125:D125"/>
    <mergeCell ref="B123:D123"/>
    <mergeCell ref="A85:B85"/>
    <mergeCell ref="A76:B76"/>
    <mergeCell ref="F77:G77"/>
    <mergeCell ref="F78:G78"/>
    <mergeCell ref="B115:D115"/>
    <mergeCell ref="B116:D116"/>
    <mergeCell ref="F73:G73"/>
    <mergeCell ref="F79:G79"/>
    <mergeCell ref="F82:G82"/>
    <mergeCell ref="F83:G83"/>
    <mergeCell ref="A112:D113"/>
    <mergeCell ref="B114:D114"/>
    <mergeCell ref="F87:G87"/>
    <mergeCell ref="F88:G88"/>
    <mergeCell ref="F89:G89"/>
    <mergeCell ref="F86:G86"/>
    <mergeCell ref="A95:B95"/>
    <mergeCell ref="F96:G96"/>
    <mergeCell ref="F97:G97"/>
    <mergeCell ref="F108:G108"/>
    <mergeCell ref="F98:G98"/>
    <mergeCell ref="F99:G99"/>
    <mergeCell ref="F100:G100"/>
    <mergeCell ref="F101:G101"/>
    <mergeCell ref="A198:G198"/>
    <mergeCell ref="F123:G123"/>
    <mergeCell ref="F66:G66"/>
    <mergeCell ref="F71:G71"/>
    <mergeCell ref="F72:G72"/>
    <mergeCell ref="F62:G62"/>
    <mergeCell ref="F80:G80"/>
    <mergeCell ref="F81:G81"/>
    <mergeCell ref="F43:G43"/>
    <mergeCell ref="F44:G44"/>
    <mergeCell ref="F45:G45"/>
    <mergeCell ref="F46:G46"/>
    <mergeCell ref="F47:G47"/>
    <mergeCell ref="F48:G48"/>
    <mergeCell ref="F49:G49"/>
    <mergeCell ref="F50:G50"/>
    <mergeCell ref="F84:G84"/>
    <mergeCell ref="F90:G90"/>
    <mergeCell ref="F91:G91"/>
    <mergeCell ref="F92:G92"/>
    <mergeCell ref="F93:G93"/>
    <mergeCell ref="F94:G94"/>
    <mergeCell ref="F95:G95"/>
    <mergeCell ref="F85:G85"/>
  </mergeCells>
  <phoneticPr fontId="14" type="noConversion"/>
  <conditionalFormatting sqref="B223:B224 B4:B5 B214:B217 E40:E108 E126:E196">
    <cfRule type="containsBlanks" dxfId="8" priority="30">
      <formula>LEN(TRIM(B4))=0</formula>
    </cfRule>
  </conditionalFormatting>
  <conditionalFormatting sqref="F225:G225">
    <cfRule type="containsBlanks" dxfId="7" priority="29">
      <formula>LEN(TRIM(F225))=0</formula>
    </cfRule>
  </conditionalFormatting>
  <conditionalFormatting sqref="F226:G226">
    <cfRule type="containsBlanks" dxfId="6" priority="28">
      <formula>LEN(TRIM(F226))=0</formula>
    </cfRule>
  </conditionalFormatting>
  <conditionalFormatting sqref="E114:E125">
    <cfRule type="containsBlanks" dxfId="5" priority="20">
      <formula>LEN(TRIM(E114))=0</formula>
    </cfRule>
  </conditionalFormatting>
  <conditionalFormatting sqref="E202">
    <cfRule type="containsBlanks" dxfId="4" priority="19">
      <formula>LEN(TRIM(E202))=0</formula>
    </cfRule>
  </conditionalFormatting>
  <conditionalFormatting sqref="E203:E204">
    <cfRule type="containsBlanks" dxfId="3" priority="18">
      <formula>LEN(TRIM(E203))=0</formula>
    </cfRule>
  </conditionalFormatting>
  <conditionalFormatting sqref="E205">
    <cfRule type="containsBlanks" dxfId="2" priority="16">
      <formula>LEN(TRIM(E205))=0</formula>
    </cfRule>
  </conditionalFormatting>
  <conditionalFormatting sqref="E39">
    <cfRule type="containsBlanks" dxfId="1" priority="5">
      <formula>LEN(TRIM(E39))=0</formula>
    </cfRule>
  </conditionalFormatting>
  <conditionalFormatting sqref="E206:E209">
    <cfRule type="containsBlanks" dxfId="0" priority="3">
      <formula>LEN(TRIM(E206))=0</formula>
    </cfRule>
  </conditionalFormatting>
  <pageMargins left="0.7" right="0.7" top="0.97499999999999998" bottom="0.75" header="0.3" footer="0.3"/>
  <pageSetup paperSize="9" scale="4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1</xdr:col>
                    <xdr:colOff>76200</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1</xdr:col>
                    <xdr:colOff>76200</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0</xdr:row>
                    <xdr:rowOff>9525</xdr:rowOff>
                  </from>
                  <to>
                    <xdr:col>1</xdr:col>
                    <xdr:colOff>76200</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1</xdr:row>
                    <xdr:rowOff>0</xdr:rowOff>
                  </from>
                  <to>
                    <xdr:col>1</xdr:col>
                    <xdr:colOff>76200</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Hárky</vt:lpstr>
      </vt:variant>
      <vt:variant>
        <vt:i4>1</vt:i4>
      </vt:variant>
    </vt:vector>
  </HeadingPairs>
  <TitlesOfParts>
    <vt:vector size="1" baseType="lpstr">
      <vt:lpstr>Cenová ponuk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Katarína Kupcová</cp:lastModifiedBy>
  <cp:lastPrinted>2022-06-20T06:20:29Z</cp:lastPrinted>
  <dcterms:created xsi:type="dcterms:W3CDTF">2017-04-21T05:51:15Z</dcterms:created>
  <dcterms:modified xsi:type="dcterms:W3CDTF">2022-06-23T07:16:43Z</dcterms:modified>
</cp:coreProperties>
</file>